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3.xml" ContentType="application/vnd.openxmlformats-officedocument.presentationml.notesSlide+xml"/>
  <Override PartName="/ppt/charts/chart1.xml" ContentType="application/vnd.openxmlformats-officedocument.drawingml.chart+xml"/>
  <Override PartName="/ppt/charts/chart2.xml" ContentType="application/vnd.openxmlformats-officedocument.drawingml.chart+xml"/>
  <Override PartName="/ppt/charts/chart3.xml" ContentType="application/vnd.openxmlformats-officedocument.drawingml.chart+xml"/>
  <Override PartName="/ppt/charts/chart4.xml" ContentType="application/vnd.openxmlformats-officedocument.drawingml.chart+xml"/>
  <Override PartName="/ppt/charts/chart5.xml" ContentType="application/vnd.openxmlformats-officedocument.drawingml.chart+xml"/>
  <Override PartName="/ppt/charts/chart6.xml" ContentType="application/vnd.openxmlformats-officedocument.drawingml.chart+xml"/>
  <Override PartName="/ppt/charts/chart7.xml" ContentType="application/vnd.openxmlformats-officedocument.drawingml.chart+xml"/>
  <Override PartName="/ppt/notesSlides/notesSlide4.xml" ContentType="application/vnd.openxmlformats-officedocument.presentationml.notesSlide+xml"/>
  <Override PartName="/ppt/charts/chart8.xml" ContentType="application/vnd.openxmlformats-officedocument.drawingml.chart+xml"/>
  <Override PartName="/ppt/drawings/drawing1.xml" ContentType="application/vnd.openxmlformats-officedocument.drawingml.chartshape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metadata" ContentType="application/binary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embedTrueTypeFonts="1" saveSubsetFonts="1" autoCompressPictures="0">
  <p:sldMasterIdLst>
    <p:sldMasterId id="2147483648" r:id="rId1"/>
    <p:sldMasterId id="2147483654" r:id="rId2"/>
  </p:sldMasterIdLst>
  <p:notesMasterIdLst>
    <p:notesMasterId r:id="rId23"/>
  </p:notesMasterIdLst>
  <p:sldIdLst>
    <p:sldId id="282" r:id="rId3"/>
    <p:sldId id="257" r:id="rId4"/>
    <p:sldId id="2147472706" r:id="rId5"/>
    <p:sldId id="2147472460" r:id="rId6"/>
    <p:sldId id="2147472300" r:id="rId7"/>
    <p:sldId id="2147472260" r:id="rId8"/>
    <p:sldId id="256" r:id="rId9"/>
    <p:sldId id="259" r:id="rId10"/>
    <p:sldId id="262" r:id="rId11"/>
    <p:sldId id="264" r:id="rId12"/>
    <p:sldId id="265" r:id="rId13"/>
    <p:sldId id="266" r:id="rId14"/>
    <p:sldId id="268" r:id="rId15"/>
    <p:sldId id="283" r:id="rId16"/>
    <p:sldId id="270" r:id="rId17"/>
    <p:sldId id="271" r:id="rId18"/>
    <p:sldId id="273" r:id="rId19"/>
    <p:sldId id="274" r:id="rId20"/>
    <p:sldId id="275" r:id="rId21"/>
    <p:sldId id="278" r:id="rId22"/>
  </p:sldIdLst>
  <p:sldSz cx="12192000" cy="6858000"/>
  <p:notesSz cx="6858000" cy="9144000"/>
  <p:embeddedFontLst>
    <p:embeddedFont>
      <p:font typeface="Calibri" panose="020F0502020204030204" pitchFamily="34" charset="0"/>
      <p:regular r:id="rId24"/>
      <p:bold r:id="rId25"/>
      <p:italic r:id="rId26"/>
      <p:boldItalic r:id="rId27"/>
    </p:embeddedFont>
    <p:embeddedFont>
      <p:font typeface="Georgia" panose="02040502050405020303" pitchFamily="18" charset="0"/>
      <p:regular r:id="rId28"/>
      <p:bold r:id="rId29"/>
      <p:italic r:id="rId30"/>
      <p:boldItalic r:id="rId31"/>
    </p:embeddedFont>
    <p:embeddedFont>
      <p:font typeface="Helvetica Neue" panose="020B0604020202020204" charset="0"/>
      <p:regular r:id="rId32"/>
      <p:bold r:id="rId33"/>
      <p:italic r:id="rId34"/>
      <p:boldItalic r:id="rId35"/>
    </p:embeddedFont>
  </p:embeddedFontLst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/>
    </p:ext>
    <p:ext uri="GoogleSlidesCustomDataVersion2">
      <go:slidesCustomData xmlns:go="http://customooxmlschemas.google.com/" xmlns:ahyp="http://schemas.microsoft.com/office/drawing/2018/hyperlinkcolor" xmlns:p15="http://schemas.microsoft.com/office/powerpoint/2012/main" xmlns:p14="http://schemas.microsoft.com/office/powerpoint/2010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:mc="http://schemas.openxmlformats.org/markup-compatibility/2006" xmlns="" r:id="rId37" roundtripDataSignature="AMtx7mjzGLij1NOSp4DK7P8kGg7UhAp4Og==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B1324"/>
    <a:srgbClr val="0A0B12"/>
    <a:srgbClr val="D04A02"/>
    <a:srgbClr val="571A00"/>
    <a:srgbClr val="09080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87070" autoAdjust="0"/>
  </p:normalViewPr>
  <p:slideViewPr>
    <p:cSldViewPr snapToGrid="0">
      <p:cViewPr varScale="1">
        <p:scale>
          <a:sx n="93" d="100"/>
          <a:sy n="93" d="100"/>
        </p:scale>
        <p:origin x="1152" y="6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font" Target="fonts/font3.fntdata"/><Relationship Id="rId39" Type="http://schemas.openxmlformats.org/officeDocument/2006/relationships/viewProps" Target="viewProps.xml"/><Relationship Id="rId21" Type="http://schemas.openxmlformats.org/officeDocument/2006/relationships/slide" Target="slides/slide19.xml"/><Relationship Id="rId34" Type="http://schemas.openxmlformats.org/officeDocument/2006/relationships/font" Target="fonts/font11.fntdata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font" Target="fonts/font2.fntdata"/><Relationship Id="rId33" Type="http://schemas.openxmlformats.org/officeDocument/2006/relationships/font" Target="fonts/font10.fntdata"/><Relationship Id="rId38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font" Target="fonts/font6.fntdata"/><Relationship Id="rId41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font" Target="fonts/font1.fntdata"/><Relationship Id="rId32" Type="http://schemas.openxmlformats.org/officeDocument/2006/relationships/font" Target="fonts/font9.fntdata"/><Relationship Id="rId37" Type="http://customschemas.google.com/relationships/presentationmetadata" Target="metadata"/><Relationship Id="rId40" Type="http://schemas.openxmlformats.org/officeDocument/2006/relationships/theme" Target="theme/theme1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notesMaster" Target="notesMasters/notesMaster1.xml"/><Relationship Id="rId28" Type="http://schemas.openxmlformats.org/officeDocument/2006/relationships/font" Target="fonts/font5.fntdata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font" Target="fonts/font8.fntdata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font" Target="fonts/font4.fntdata"/><Relationship Id="rId30" Type="http://schemas.openxmlformats.org/officeDocument/2006/relationships/font" Target="fonts/font7.fntdata"/><Relationship Id="rId35" Type="http://schemas.openxmlformats.org/officeDocument/2006/relationships/font" Target="fonts/font12.fntdata"/><Relationship Id="rId8" Type="http://schemas.openxmlformats.org/officeDocument/2006/relationships/slide" Target="slides/slide6.xml"/><Relationship Id="rId3" Type="http://schemas.openxmlformats.org/officeDocument/2006/relationships/slide" Target="slides/slide1.xml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oleObject" Target="file:///C:\Users\alexander.plenborg\DSV\IR%20-%20General\Presentations\MASTER%20PRESENTATIONS.xlsx" TargetMode="External"/></Relationships>
</file>

<file path=ppt/charts/_rels/chart2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.xlsx"/></Relationships>
</file>

<file path=ppt/charts/_rels/chart3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1.xlsx"/></Relationships>
</file>

<file path=ppt/charts/_rels/chart4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2.xlsx"/></Relationships>
</file>

<file path=ppt/charts/_rels/chart5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3.xlsx"/></Relationships>
</file>

<file path=ppt/charts/_rels/chart6.xml.rels><?xml version="1.0" encoding="UTF-8" standalone="yes"?>
<Relationships xmlns="http://schemas.openxmlformats.org/package/2006/relationships"><Relationship Id="rId1" Type="http://schemas.openxmlformats.org/officeDocument/2006/relationships/oleObject" Target="file:///C:\Users\alexander.plenborg\DSV\IR%20-%20General\Presentations\MASTER%20PRESENTATIONS.xlsx" TargetMode="External"/></Relationships>
</file>

<file path=ppt/charts/_rels/chart7.xml.rels><?xml version="1.0" encoding="UTF-8" standalone="yes"?>
<Relationships xmlns="http://schemas.openxmlformats.org/package/2006/relationships"><Relationship Id="rId1" Type="http://schemas.openxmlformats.org/officeDocument/2006/relationships/oleObject" Target="file:///C:\Users\alexander.plenborg\DSV\IR%20-%20General\Presentations\MASTER%20PRESENTATIONS.xlsx" TargetMode="External"/></Relationships>
</file>

<file path=ppt/charts/_rels/chart8.xml.rels><?xml version="1.0" encoding="UTF-8" standalone="yes"?>
<Relationships xmlns="http://schemas.openxmlformats.org/package/2006/relationships"><Relationship Id="rId2" Type="http://schemas.openxmlformats.org/officeDocument/2006/relationships/chartUserShapes" Target="../drawings/drawing1.xml"/><Relationship Id="rId1" Type="http://schemas.openxmlformats.org/officeDocument/2006/relationships/oleObject" Target="file:///C:\Users\alexander.plenborg\DSV\IR%20-%20General\Presentations\MASTER%20PRESENTATIONS.xlsx" TargetMode="Externa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1.2899449958234567E-2"/>
          <c:y val="9.0671589467125849E-2"/>
          <c:w val="0.94650358191778594"/>
          <c:h val="0.90932841053287417"/>
        </c:manualLayout>
      </c:layout>
      <c:lineChart>
        <c:grouping val="standard"/>
        <c:varyColors val="0"/>
        <c:ser>
          <c:idx val="0"/>
          <c:order val="0"/>
          <c:tx>
            <c:strRef>
              <c:f>'Global Network'!$B$4</c:f>
              <c:strCache>
                <c:ptCount val="1"/>
                <c:pt idx="0">
                  <c:v>Turnover</c:v>
                </c:pt>
              </c:strCache>
            </c:strRef>
          </c:tx>
          <c:spPr>
            <a:ln w="31750">
              <a:solidFill>
                <a:schemeClr val="tx1"/>
              </a:solidFill>
            </a:ln>
          </c:spPr>
          <c:marker>
            <c:symbol val="circle"/>
            <c:size val="4"/>
            <c:spPr>
              <a:solidFill>
                <a:srgbClr val="0431A6"/>
              </a:solidFill>
              <a:ln w="28575">
                <a:solidFill>
                  <a:srgbClr val="0431A6"/>
                </a:solidFill>
              </a:ln>
            </c:spPr>
          </c:marker>
          <c:dLbls>
            <c:delete val="1"/>
          </c:dLbls>
          <c:cat>
            <c:numRef>
              <c:f>'Global Network'!$D$3:$L$3</c:f>
              <c:numCache>
                <c:formatCode>General</c:formatCode>
                <c:ptCount val="9"/>
                <c:pt idx="0">
                  <c:v>1976</c:v>
                </c:pt>
                <c:pt idx="1">
                  <c:v>1997</c:v>
                </c:pt>
                <c:pt idx="2">
                  <c:v>2000</c:v>
                </c:pt>
                <c:pt idx="3">
                  <c:v>2006</c:v>
                </c:pt>
                <c:pt idx="4">
                  <c:v>2008</c:v>
                </c:pt>
                <c:pt idx="5">
                  <c:v>2016</c:v>
                </c:pt>
                <c:pt idx="6">
                  <c:v>2020</c:v>
                </c:pt>
                <c:pt idx="7">
                  <c:v>2021</c:v>
                </c:pt>
                <c:pt idx="8">
                  <c:v>2022</c:v>
                </c:pt>
              </c:numCache>
            </c:numRef>
          </c:cat>
          <c:val>
            <c:numRef>
              <c:f>'Global Network'!$D$4:$L$4</c:f>
              <c:numCache>
                <c:formatCode>#,##0</c:formatCode>
                <c:ptCount val="9"/>
                <c:pt idx="0" formatCode="General">
                  <c:v>-4000</c:v>
                </c:pt>
                <c:pt idx="1">
                  <c:v>2694</c:v>
                </c:pt>
                <c:pt idx="2">
                  <c:v>19478</c:v>
                </c:pt>
                <c:pt idx="3">
                  <c:v>31972</c:v>
                </c:pt>
                <c:pt idx="4">
                  <c:v>37435</c:v>
                </c:pt>
                <c:pt idx="5">
                  <c:v>67747</c:v>
                </c:pt>
                <c:pt idx="6">
                  <c:v>115932</c:v>
                </c:pt>
                <c:pt idx="7">
                  <c:v>182306</c:v>
                </c:pt>
                <c:pt idx="8">
                  <c:v>235665</c:v>
                </c:pt>
              </c:numCache>
            </c:numRef>
          </c:val>
          <c:smooth val="1"/>
          <c:extLst>
            <c:ext xmlns:c16="http://schemas.microsoft.com/office/drawing/2014/chart" uri="{C3380CC4-5D6E-409C-BE32-E72D297353CC}">
              <c16:uniqueId val="{00000000-E773-4BF2-AEAA-70A87D2A3DEE}"/>
            </c:ext>
          </c:extLst>
        </c:ser>
        <c:dLbls>
          <c:dLblPos val="t"/>
          <c:showLegendKey val="0"/>
          <c:showVal val="1"/>
          <c:showCatName val="0"/>
          <c:showSerName val="0"/>
          <c:showPercent val="0"/>
          <c:showBubbleSize val="0"/>
        </c:dLbls>
        <c:marker val="1"/>
        <c:smooth val="0"/>
        <c:axId val="345189392"/>
        <c:axId val="345194488"/>
      </c:lineChart>
      <c:catAx>
        <c:axId val="345189392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345194488"/>
        <c:crosses val="autoZero"/>
        <c:auto val="1"/>
        <c:lblAlgn val="ctr"/>
        <c:lblOffset val="100"/>
        <c:noMultiLvlLbl val="0"/>
      </c:catAx>
      <c:valAx>
        <c:axId val="345194488"/>
        <c:scaling>
          <c:orientation val="minMax"/>
        </c:scaling>
        <c:delete val="1"/>
        <c:axPos val="l"/>
        <c:majorGridlines>
          <c:spPr>
            <a:ln>
              <a:noFill/>
            </a:ln>
          </c:spPr>
        </c:majorGridlines>
        <c:numFmt formatCode="General" sourceLinked="1"/>
        <c:majorTickMark val="out"/>
        <c:minorTickMark val="none"/>
        <c:tickLblPos val="nextTo"/>
        <c:crossAx val="345189392"/>
        <c:crosses val="autoZero"/>
        <c:crossBetween val="between"/>
        <c:majorUnit val="5000"/>
      </c:valAx>
      <c:spPr>
        <a:noFill/>
        <a:ln>
          <a:noFill/>
        </a:ln>
      </c:spPr>
    </c:plotArea>
    <c:plotVisOnly val="1"/>
    <c:dispBlanksAs val="gap"/>
    <c:showDLblsOverMax val="0"/>
  </c:chart>
  <c:spPr>
    <a:noFill/>
    <a:ln>
      <a:noFill/>
    </a:ln>
  </c:spPr>
  <c:externalData r:id="rId1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overlay val="0"/>
    </c:title>
    <c:autoTitleDeleted val="0"/>
    <c:plotArea>
      <c:layout>
        <c:manualLayout>
          <c:layoutTarget val="inner"/>
          <c:xMode val="edge"/>
          <c:yMode val="edge"/>
          <c:x val="0.23055555555555557"/>
          <c:y val="6.4814814814814811E-2"/>
          <c:w val="0.53055555555555556"/>
          <c:h val="0.8842592592592593"/>
        </c:manualLayout>
      </c:layout>
      <c:doughnutChart>
        <c:varyColors val="1"/>
        <c:ser>
          <c:idx val="0"/>
          <c:order val="0"/>
          <c:tx>
            <c:strRef>
              <c:f>Sheet1!$B$10</c:f>
              <c:strCache>
                <c:ptCount val="1"/>
                <c:pt idx="0">
                  <c:v>EBIT</c:v>
                </c:pt>
              </c:strCache>
            </c:strRef>
          </c:tx>
          <c:spPr>
            <a:solidFill>
              <a:schemeClr val="accent1"/>
            </a:solidFill>
          </c:spPr>
          <c:dPt>
            <c:idx val="0"/>
            <c:bubble3D val="0"/>
            <c:spPr>
              <a:solidFill>
                <a:srgbClr val="0431A6"/>
              </a:solidFill>
            </c:spPr>
            <c:extLst>
              <c:ext xmlns:c16="http://schemas.microsoft.com/office/drawing/2014/chart" uri="{C3380CC4-5D6E-409C-BE32-E72D297353CC}">
                <c16:uniqueId val="{00000001-A546-4710-A87B-450942FF472C}"/>
              </c:ext>
            </c:extLst>
          </c:dPt>
          <c:dPt>
            <c:idx val="1"/>
            <c:bubble3D val="0"/>
            <c:spPr>
              <a:solidFill>
                <a:srgbClr val="000000"/>
              </a:solidFill>
            </c:spPr>
            <c:extLst>
              <c:ext xmlns:c16="http://schemas.microsoft.com/office/drawing/2014/chart" uri="{C3380CC4-5D6E-409C-BE32-E72D297353CC}">
                <c16:uniqueId val="{00000003-A546-4710-A87B-450942FF472C}"/>
              </c:ext>
            </c:extLst>
          </c:dPt>
          <c:dPt>
            <c:idx val="2"/>
            <c:bubble3D val="0"/>
            <c:spPr>
              <a:solidFill>
                <a:srgbClr val="4B87E0"/>
              </a:solidFill>
            </c:spPr>
            <c:extLst>
              <c:ext xmlns:c16="http://schemas.microsoft.com/office/drawing/2014/chart" uri="{C3380CC4-5D6E-409C-BE32-E72D297353CC}">
                <c16:uniqueId val="{00000005-A546-4710-A87B-450942FF472C}"/>
              </c:ext>
            </c:extLst>
          </c:dPt>
          <c:dLbls>
            <c:dLbl>
              <c:idx val="2"/>
              <c:layout>
                <c:manualLayout>
                  <c:x val="-5.1541057110926112E-17"/>
                  <c:y val="-1.5710254417055605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wrap="square" lIns="38100" tIns="19050" rIns="38100" bIns="19050" anchor="ctr">
                  <a:spAutoFit/>
                </a:bodyPr>
                <a:lstStyle/>
                <a:p>
                  <a:pPr>
                    <a:defRPr sz="700" b="1">
                      <a:solidFill>
                        <a:srgbClr val="002060"/>
                      </a:solidFill>
                    </a:defRPr>
                  </a:pPr>
                  <a:endParaRPr lang="da-DK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A546-4710-A87B-450942FF472C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square" lIns="38100" tIns="19050" rIns="38100" bIns="19050" anchor="ctr">
                <a:spAutoFit/>
              </a:bodyPr>
              <a:lstStyle/>
              <a:p>
                <a:pPr>
                  <a:defRPr sz="700" b="1"/>
                </a:pPr>
                <a:endParaRPr lang="da-DK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0"/>
            <c:extLst>
              <c:ext xmlns:c15="http://schemas.microsoft.com/office/drawing/2012/chart" uri="{CE6537A1-D6FC-4f65-9D91-7224C49458BB}"/>
            </c:extLst>
          </c:dLbls>
          <c:cat>
            <c:strRef>
              <c:f>Sheet1!$B$11:$B$13</c:f>
              <c:strCache>
                <c:ptCount val="3"/>
                <c:pt idx="0">
                  <c:v>Air &amp; Sea</c:v>
                </c:pt>
                <c:pt idx="1">
                  <c:v>Road</c:v>
                </c:pt>
                <c:pt idx="2">
                  <c:v>Solutions</c:v>
                </c:pt>
              </c:strCache>
            </c:strRef>
          </c:cat>
          <c:val>
            <c:numRef>
              <c:f>Sheet1!$G$11:$G$13</c:f>
              <c:numCache>
                <c:formatCode>#,##0</c:formatCode>
                <c:ptCount val="3"/>
                <c:pt idx="0">
                  <c:v>574</c:v>
                </c:pt>
                <c:pt idx="1">
                  <c:v>885</c:v>
                </c:pt>
                <c:pt idx="2">
                  <c:v>5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A546-4710-A87B-450942FF472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0"/>
        </c:dLbls>
        <c:firstSliceAng val="0"/>
        <c:holeSize val="60"/>
      </c:doughnutChart>
    </c:plotArea>
    <c:plotVisOnly val="1"/>
    <c:dispBlanksAs val="gap"/>
    <c:showDLblsOverMax val="0"/>
  </c:chart>
  <c:spPr>
    <a:noFill/>
    <a:ln>
      <a:noFill/>
    </a:ln>
  </c:spPr>
  <c:txPr>
    <a:bodyPr/>
    <a:lstStyle/>
    <a:p>
      <a:pPr>
        <a:defRPr sz="800">
          <a:solidFill>
            <a:schemeClr val="bg1"/>
          </a:solidFill>
        </a:defRPr>
      </a:pPr>
      <a:endParaRPr lang="da-DK"/>
    </a:p>
  </c:txPr>
  <c:externalData r:id="rId1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5"/>
    </mc:Choice>
    <mc:Fallback>
      <c:style val="5"/>
    </mc:Fallback>
  </mc:AlternateContent>
  <c:chart>
    <c:autoTitleDeleted val="1"/>
    <c:plotArea>
      <c:layout>
        <c:manualLayout>
          <c:layoutTarget val="inner"/>
          <c:xMode val="edge"/>
          <c:yMode val="edge"/>
          <c:x val="0.23055555555555557"/>
          <c:y val="6.4814814814814811E-2"/>
          <c:w val="0.53055555555555556"/>
          <c:h val="0.8842592592592593"/>
        </c:manualLayout>
      </c:layout>
      <c:doughnutChart>
        <c:varyColors val="1"/>
        <c:ser>
          <c:idx val="0"/>
          <c:order val="0"/>
          <c:tx>
            <c:strRef>
              <c:f>Sheet1!$B$16</c:f>
              <c:strCache>
                <c:ptCount val="1"/>
                <c:pt idx="0">
                  <c:v>EBIT %</c:v>
                </c:pt>
              </c:strCache>
            </c:strRef>
          </c:tx>
          <c:dPt>
            <c:idx val="0"/>
            <c:bubble3D val="0"/>
            <c:spPr>
              <a:solidFill>
                <a:srgbClr val="199049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0-5512-4711-8BBF-3E3FBEB718FA}"/>
              </c:ext>
            </c:extLst>
          </c:dPt>
          <c:dPt>
            <c:idx val="1"/>
            <c:bubble3D val="0"/>
            <c:spPr>
              <a:solidFill>
                <a:srgbClr val="FFE68B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2-5512-4711-8BBF-3E3FBEB718FA}"/>
              </c:ext>
            </c:extLst>
          </c:dPt>
          <c:dPt>
            <c:idx val="2"/>
            <c:bubble3D val="0"/>
            <c:spPr>
              <a:solidFill>
                <a:srgbClr val="E18735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4-5512-4711-8BBF-3E3FBEB718FA}"/>
              </c:ext>
            </c:extLst>
          </c:dPt>
          <c:cat>
            <c:strRef>
              <c:f>Sheet1!$B$17:$B$19</c:f>
              <c:strCache>
                <c:ptCount val="3"/>
                <c:pt idx="0">
                  <c:v>EMEA</c:v>
                </c:pt>
                <c:pt idx="1">
                  <c:v>Americas</c:v>
                </c:pt>
                <c:pt idx="2">
                  <c:v>APAC</c:v>
                </c:pt>
              </c:strCache>
            </c:strRef>
          </c:cat>
          <c:val>
            <c:numRef>
              <c:f>Sheet1!$G$17:$G$19</c:f>
              <c:numCache>
                <c:formatCode>0.00</c:formatCode>
                <c:ptCount val="3"/>
                <c:pt idx="0">
                  <c:v>0.78968253968253965</c:v>
                </c:pt>
                <c:pt idx="1">
                  <c:v>0.12</c:v>
                </c:pt>
                <c:pt idx="2" formatCode="General">
                  <c:v>0.0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5512-4711-8BBF-3E3FBEB718F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60"/>
      </c:doughnutChart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 w="6350" cap="flat" cmpd="sng" algn="ctr">
      <a:noFill/>
      <a:prstDash val="solid"/>
      <a:miter lim="800000"/>
    </a:ln>
    <a:effectLst/>
  </c:spPr>
  <c:txPr>
    <a:bodyPr/>
    <a:lstStyle/>
    <a:p>
      <a:pPr>
        <a:defRPr sz="700"/>
      </a:pPr>
      <a:endParaRPr lang="da-DK"/>
    </a:p>
  </c:txPr>
  <c:externalData r:id="rId1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0"/>
    <c:plotArea>
      <c:layout>
        <c:manualLayout>
          <c:layoutTarget val="inner"/>
          <c:xMode val="edge"/>
          <c:yMode val="edge"/>
          <c:x val="0.23055555555555557"/>
          <c:y val="6.4814814814814811E-2"/>
          <c:w val="0.53055555555555556"/>
          <c:h val="0.8842592592592593"/>
        </c:manualLayout>
      </c:layout>
      <c:doughnutChart>
        <c:varyColors val="1"/>
        <c:ser>
          <c:idx val="0"/>
          <c:order val="0"/>
          <c:spPr>
            <a:solidFill>
              <a:srgbClr val="000000"/>
            </a:solidFill>
          </c:spPr>
          <c:dPt>
            <c:idx val="1"/>
            <c:bubble3D val="0"/>
            <c:extLst>
              <c:ext xmlns:c16="http://schemas.microsoft.com/office/drawing/2014/chart" uri="{C3380CC4-5D6E-409C-BE32-E72D297353CC}">
                <c16:uniqueId val="{00000000-F09C-4F6C-B24F-45F062FDA68E}"/>
              </c:ext>
            </c:extLst>
          </c:dPt>
          <c:dLbls>
            <c:dLbl>
              <c:idx val="1"/>
              <c:layout>
                <c:manualLayout>
                  <c:x val="-9.5951670579027225E-3"/>
                  <c:y val="-0.35898054329108187"/>
                </c:manualLayout>
              </c:layout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2687130312190471"/>
                      <c:h val="0.15186147770185046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0-F09C-4F6C-B24F-45F062FDA68E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/>
              <a:lstStyle/>
              <a:p>
                <a:pPr>
                  <a:defRPr sz="700" b="1">
                    <a:solidFill>
                      <a:schemeClr val="bg1"/>
                    </a:solidFill>
                  </a:defRPr>
                </a:pPr>
                <a:endParaRPr lang="da-DK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0"/>
            <c:extLst>
              <c:ext xmlns:c15="http://schemas.microsoft.com/office/drawing/2012/chart" uri="{CE6537A1-D6FC-4f65-9D91-7224C49458BB}"/>
            </c:extLst>
          </c:dLbls>
          <c:val>
            <c:numRef>
              <c:f>Sheet1!$D$11:$D$13</c:f>
              <c:numCache>
                <c:formatCode>#,##0</c:formatCode>
                <c:ptCount val="3"/>
                <c:pt idx="1">
                  <c:v>79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F09C-4F6C-B24F-45F062FDA68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0"/>
        </c:dLbls>
        <c:firstSliceAng val="0"/>
        <c:holeSize val="60"/>
      </c:doughnutChart>
    </c:plotArea>
    <c:plotVisOnly val="1"/>
    <c:dispBlanksAs val="gap"/>
    <c:showDLblsOverMax val="0"/>
  </c:chart>
  <c:spPr>
    <a:noFill/>
    <a:ln>
      <a:noFill/>
    </a:ln>
  </c:spPr>
  <c:externalData r:id="rId1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>
        <c:manualLayout>
          <c:layoutTarget val="inner"/>
          <c:xMode val="edge"/>
          <c:yMode val="edge"/>
          <c:x val="0.23055555555555557"/>
          <c:y val="6.4814814814814811E-2"/>
          <c:w val="0.53055555555555556"/>
          <c:h val="0.8842592592592593"/>
        </c:manualLayout>
      </c:layout>
      <c:doughnutChart>
        <c:varyColors val="1"/>
        <c:ser>
          <c:idx val="0"/>
          <c:order val="0"/>
          <c:tx>
            <c:strRef>
              <c:f>Sheet1!$B$16</c:f>
              <c:strCache>
                <c:ptCount val="1"/>
                <c:pt idx="0">
                  <c:v>EBIT %</c:v>
                </c:pt>
              </c:strCache>
            </c:strRef>
          </c:tx>
          <c:spPr>
            <a:solidFill>
              <a:srgbClr val="199049"/>
            </a:solidFill>
          </c:spPr>
          <c:dPt>
            <c:idx val="0"/>
            <c:bubble3D val="0"/>
            <c:extLst>
              <c:ext xmlns:c16="http://schemas.microsoft.com/office/drawing/2014/chart" uri="{C3380CC4-5D6E-409C-BE32-E72D297353CC}">
                <c16:uniqueId val="{00000000-9AA6-44EF-922A-648CC0A368FE}"/>
              </c:ext>
            </c:extLst>
          </c:dPt>
          <c:dPt>
            <c:idx val="1"/>
            <c:bubble3D val="0"/>
            <c:extLst>
              <c:ext xmlns:c16="http://schemas.microsoft.com/office/drawing/2014/chart" uri="{C3380CC4-5D6E-409C-BE32-E72D297353CC}">
                <c16:uniqueId val="{00000001-9AA6-44EF-922A-648CC0A368FE}"/>
              </c:ext>
            </c:extLst>
          </c:dPt>
          <c:cat>
            <c:strRef>
              <c:f>Sheet1!$B$17:$B$19</c:f>
              <c:strCache>
                <c:ptCount val="3"/>
                <c:pt idx="0">
                  <c:v>EMEA</c:v>
                </c:pt>
                <c:pt idx="1">
                  <c:v>Americas</c:v>
                </c:pt>
                <c:pt idx="2">
                  <c:v>APAC</c:v>
                </c:pt>
              </c:strCache>
            </c:strRef>
          </c:cat>
          <c:val>
            <c:numRef>
              <c:f>Sheet1!$D$17:$D$19</c:f>
              <c:numCache>
                <c:formatCode>0.00</c:formatCode>
                <c:ptCount val="3"/>
                <c:pt idx="0">
                  <c:v>1</c:v>
                </c:pt>
                <c:pt idx="1">
                  <c:v>0</c:v>
                </c:pt>
                <c:pt idx="2" formatCode="General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9AA6-44EF-922A-648CC0A368F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60"/>
      </c:doughnutChart>
    </c:plotArea>
    <c:plotVisOnly val="1"/>
    <c:dispBlanksAs val="gap"/>
    <c:showDLblsOverMax val="0"/>
  </c:chart>
  <c:spPr>
    <a:noFill/>
    <a:ln>
      <a:noFill/>
    </a:ln>
  </c:spPr>
  <c:txPr>
    <a:bodyPr/>
    <a:lstStyle/>
    <a:p>
      <a:pPr>
        <a:defRPr sz="700"/>
      </a:pPr>
      <a:endParaRPr lang="da-DK"/>
    </a:p>
  </c:txPr>
  <c:externalData r:id="rId1">
    <c:autoUpdate val="0"/>
  </c:externalData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>
        <c:manualLayout>
          <c:layoutTarget val="inner"/>
          <c:xMode val="edge"/>
          <c:yMode val="edge"/>
          <c:x val="0.23055555555555557"/>
          <c:y val="6.4814814814814811E-2"/>
          <c:w val="0.53055555555555556"/>
          <c:h val="0.8842592592592593"/>
        </c:manualLayout>
      </c:layout>
      <c:doughnutChart>
        <c:varyColors val="1"/>
        <c:ser>
          <c:idx val="0"/>
          <c:order val="0"/>
          <c:tx>
            <c:strRef>
              <c:f>'Global Network'!$B$9</c:f>
              <c:strCache>
                <c:ptCount val="1"/>
                <c:pt idx="0">
                  <c:v>Division split</c:v>
                </c:pt>
              </c:strCache>
            </c:strRef>
          </c:tx>
          <c:dPt>
            <c:idx val="0"/>
            <c:bubble3D val="0"/>
            <c:spPr>
              <a:solidFill>
                <a:srgbClr val="0431A6"/>
              </a:solidFill>
            </c:spPr>
            <c:extLst>
              <c:ext xmlns:c16="http://schemas.microsoft.com/office/drawing/2014/chart" uri="{C3380CC4-5D6E-409C-BE32-E72D297353CC}">
                <c16:uniqueId val="{00000001-74D3-4A68-AFAE-6AAEC169B582}"/>
              </c:ext>
            </c:extLst>
          </c:dPt>
          <c:dPt>
            <c:idx val="1"/>
            <c:bubble3D val="0"/>
            <c:spPr>
              <a:solidFill>
                <a:srgbClr val="000000"/>
              </a:solidFill>
            </c:spPr>
            <c:extLst>
              <c:ext xmlns:c16="http://schemas.microsoft.com/office/drawing/2014/chart" uri="{C3380CC4-5D6E-409C-BE32-E72D297353CC}">
                <c16:uniqueId val="{00000003-74D3-4A68-AFAE-6AAEC169B582}"/>
              </c:ext>
            </c:extLst>
          </c:dPt>
          <c:dPt>
            <c:idx val="2"/>
            <c:bubble3D val="0"/>
            <c:spPr>
              <a:solidFill>
                <a:srgbClr val="4B87E0"/>
              </a:solidFill>
            </c:spPr>
            <c:extLst>
              <c:ext xmlns:c16="http://schemas.microsoft.com/office/drawing/2014/chart" uri="{C3380CC4-5D6E-409C-BE32-E72D297353CC}">
                <c16:uniqueId val="{00000005-74D3-4A68-AFAE-6AAEC169B582}"/>
              </c:ext>
            </c:extLst>
          </c:dPt>
          <c:dLbls>
            <c:dLbl>
              <c:idx val="0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74D3-4A68-AFAE-6AAEC169B582}"/>
                </c:ext>
              </c:extLst>
            </c:dLbl>
            <c:dLbl>
              <c:idx val="1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74D3-4A68-AFAE-6AAEC169B582}"/>
                </c:ext>
              </c:extLst>
            </c:dLbl>
            <c:dLbl>
              <c:idx val="2"/>
              <c:numFmt formatCode="0%" sourceLinked="0"/>
              <c:spPr>
                <a:noFill/>
                <a:ln>
                  <a:noFill/>
                </a:ln>
                <a:effectLst/>
              </c:spPr>
              <c:txPr>
                <a:bodyPr wrap="square" lIns="38100" tIns="19050" rIns="38100" bIns="19050" anchor="ctr">
                  <a:spAutoFit/>
                </a:bodyPr>
                <a:lstStyle/>
                <a:p>
                  <a:pPr>
                    <a:defRPr sz="700" b="1">
                      <a:solidFill>
                        <a:srgbClr val="002060"/>
                      </a:solidFill>
                    </a:defRPr>
                  </a:pPr>
                  <a:endParaRPr lang="da-DK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74D3-4A68-AFAE-6AAEC169B582}"/>
                </c:ext>
              </c:extLst>
            </c:dLbl>
            <c:numFmt formatCode="0%" sourceLinked="0"/>
            <c:spPr>
              <a:noFill/>
              <a:ln>
                <a:noFill/>
              </a:ln>
              <a:effectLst/>
            </c:spPr>
            <c:txPr>
              <a:bodyPr wrap="square" lIns="38100" tIns="19050" rIns="38100" bIns="19050" anchor="ctr">
                <a:spAutoFit/>
              </a:bodyPr>
              <a:lstStyle/>
              <a:p>
                <a:pPr>
                  <a:defRPr sz="700" b="1">
                    <a:solidFill>
                      <a:schemeClr val="bg1"/>
                    </a:solidFill>
                  </a:defRPr>
                </a:pPr>
                <a:endParaRPr lang="da-DK"/>
              </a:p>
            </c:tx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/>
            </c:extLst>
          </c:dLbls>
          <c:cat>
            <c:strRef>
              <c:f>'Global Network'!$B$10:$B$12</c:f>
              <c:strCache>
                <c:ptCount val="3"/>
                <c:pt idx="0">
                  <c:v>Air &amp; Sea</c:v>
                </c:pt>
                <c:pt idx="1">
                  <c:v>Road</c:v>
                </c:pt>
                <c:pt idx="2">
                  <c:v>Solutions</c:v>
                </c:pt>
              </c:strCache>
            </c:strRef>
          </c:cat>
          <c:val>
            <c:numRef>
              <c:f>'Global Network'!$P$10:$P$12</c:f>
              <c:numCache>
                <c:formatCode>0%</c:formatCode>
                <c:ptCount val="3"/>
                <c:pt idx="0">
                  <c:v>0.8133391078388913</c:v>
                </c:pt>
                <c:pt idx="1">
                  <c:v>8.0318122760738617E-2</c:v>
                </c:pt>
                <c:pt idx="2">
                  <c:v>0.1063427694003700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74D3-4A68-AFAE-6AAEC169B58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60"/>
      </c:doughnutChart>
    </c:plotArea>
    <c:plotVisOnly val="1"/>
    <c:dispBlanksAs val="gap"/>
    <c:showDLblsOverMax val="0"/>
  </c:chart>
  <c:spPr>
    <a:noFill/>
    <a:ln>
      <a:noFill/>
    </a:ln>
  </c:spPr>
  <c:externalData r:id="rId1">
    <c:autoUpdate val="0"/>
  </c:externalData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5"/>
    </mc:Choice>
    <mc:Fallback>
      <c:style val="5"/>
    </mc:Fallback>
  </mc:AlternateContent>
  <c:chart>
    <c:autoTitleDeleted val="1"/>
    <c:plotArea>
      <c:layout>
        <c:manualLayout>
          <c:layoutTarget val="inner"/>
          <c:xMode val="edge"/>
          <c:yMode val="edge"/>
          <c:x val="0.23055555555555557"/>
          <c:y val="6.4814814814814811E-2"/>
          <c:w val="0.53055555555555556"/>
          <c:h val="0.8842592592592593"/>
        </c:manualLayout>
      </c:layout>
      <c:doughnutChart>
        <c:varyColors val="1"/>
        <c:ser>
          <c:idx val="0"/>
          <c:order val="0"/>
          <c:tx>
            <c:strRef>
              <c:f>'Global Network'!$B$16</c:f>
              <c:strCache>
                <c:ptCount val="1"/>
                <c:pt idx="0">
                  <c:v>Region split</c:v>
                </c:pt>
              </c:strCache>
            </c:strRef>
          </c:tx>
          <c:dPt>
            <c:idx val="0"/>
            <c:bubble3D val="0"/>
            <c:spPr>
              <a:solidFill>
                <a:srgbClr val="199049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1-AE91-4CAD-A57C-6D58E5E02BDF}"/>
              </c:ext>
            </c:extLst>
          </c:dPt>
          <c:dPt>
            <c:idx val="1"/>
            <c:bubble3D val="0"/>
            <c:spPr>
              <a:solidFill>
                <a:srgbClr val="E18735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3-AE91-4CAD-A57C-6D58E5E02BDF}"/>
              </c:ext>
            </c:extLst>
          </c:dPt>
          <c:dPt>
            <c:idx val="2"/>
            <c:bubble3D val="0"/>
            <c:spPr>
              <a:solidFill>
                <a:srgbClr val="FFE68B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5-AE91-4CAD-A57C-6D58E5E02BDF}"/>
              </c:ext>
            </c:extLst>
          </c:dPt>
          <c:cat>
            <c:strRef>
              <c:f>'Global Network'!$B$17:$B$19</c:f>
              <c:strCache>
                <c:ptCount val="3"/>
                <c:pt idx="0">
                  <c:v>EMEA</c:v>
                </c:pt>
                <c:pt idx="1">
                  <c:v>Americas</c:v>
                </c:pt>
                <c:pt idx="2">
                  <c:v>APAC</c:v>
                </c:pt>
              </c:strCache>
            </c:strRef>
          </c:cat>
          <c:val>
            <c:numRef>
              <c:f>'Global Network'!$P$17:$P$19</c:f>
              <c:numCache>
                <c:formatCode>0%</c:formatCode>
                <c:ptCount val="3"/>
                <c:pt idx="0">
                  <c:v>0.44</c:v>
                </c:pt>
                <c:pt idx="1">
                  <c:v>0.28000000000000003</c:v>
                </c:pt>
                <c:pt idx="2">
                  <c:v>0.2800000000000000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AE91-4CAD-A57C-6D58E5E02BDF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60"/>
      </c:doughnutChart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 w="6350" cap="flat" cmpd="sng" algn="ctr">
      <a:noFill/>
      <a:prstDash val="solid"/>
      <a:miter lim="800000"/>
    </a:ln>
    <a:effectLst/>
  </c:spPr>
  <c:txPr>
    <a:bodyPr/>
    <a:lstStyle/>
    <a:p>
      <a:pPr>
        <a:defRPr sz="700"/>
      </a:pPr>
      <a:endParaRPr lang="da-DK"/>
    </a:p>
  </c:txPr>
  <c:externalData r:id="rId1">
    <c:autoUpdate val="0"/>
  </c:externalData>
</c:chartSpace>
</file>

<file path=ppt/charts/chart8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17857122029267228"/>
          <c:y val="2.2841726618705035E-2"/>
          <c:w val="0.82142879166454108"/>
          <c:h val="0.9441646682653877"/>
        </c:manualLayout>
      </c:layout>
      <c:barChart>
        <c:barDir val="bar"/>
        <c:grouping val="clustered"/>
        <c:varyColors val="0"/>
        <c:ser>
          <c:idx val="0"/>
          <c:order val="0"/>
          <c:tx>
            <c:strRef>
              <c:f>'Global top 20 FF'!$H$3</c:f>
              <c:strCache>
                <c:ptCount val="1"/>
                <c:pt idx="0">
                  <c:v>2022 revenue US billion</c:v>
                </c:pt>
              </c:strCache>
            </c:strRef>
          </c:tx>
          <c:spPr>
            <a:solidFill>
              <a:schemeClr val="tx1"/>
            </a:solidFill>
          </c:spPr>
          <c:invertIfNegative val="0"/>
          <c:dPt>
            <c:idx val="2"/>
            <c:invertIfNegative val="0"/>
            <c:bubble3D val="0"/>
            <c:spPr>
              <a:solidFill>
                <a:schemeClr val="accent1"/>
              </a:solidFill>
            </c:spPr>
            <c:extLst>
              <c:ext xmlns:c16="http://schemas.microsoft.com/office/drawing/2014/chart" uri="{C3380CC4-5D6E-409C-BE32-E72D297353CC}">
                <c16:uniqueId val="{00000003-54A7-4E71-A672-BDCA1474A7AE}"/>
              </c:ext>
            </c:extLst>
          </c:dPt>
          <c:dLbls>
            <c:dLbl>
              <c:idx val="2"/>
              <c:spPr>
                <a:noFill/>
                <a:ln>
                  <a:noFill/>
                </a:ln>
                <a:effectLst/>
              </c:spPr>
              <c:txPr>
                <a:bodyPr wrap="square" lIns="38100" tIns="19050" rIns="38100" bIns="19050" anchor="ctr" anchorCtr="0">
                  <a:spAutoFit/>
                </a:bodyPr>
                <a:lstStyle/>
                <a:p>
                  <a:pPr algn="ctr" rtl="0">
                    <a:defRPr lang="en-US" sz="1050" b="1" i="0" u="none" strike="noStrike" kern="120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3-54A7-4E71-A672-BDCA1474A7AE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square" lIns="38100" tIns="19050" rIns="38100" bIns="19050" anchor="ctr" anchorCtr="0">
                <a:spAutoFit/>
              </a:bodyPr>
              <a:lstStyle/>
              <a:p>
                <a:pPr algn="ctr">
                  <a:defRPr lang="en-US" sz="900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a-DK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'Global top 20 FF'!$B$4:$B$23</c:f>
              <c:strCache>
                <c:ptCount val="20"/>
                <c:pt idx="0">
                  <c:v>Kuehne + Nagel (CH)</c:v>
                </c:pt>
                <c:pt idx="1">
                  <c:v>DHL Logistics (DE)</c:v>
                </c:pt>
                <c:pt idx="2">
                  <c:v>DSV (DK)</c:v>
                </c:pt>
                <c:pt idx="3">
                  <c:v>DB Schenker (DE)</c:v>
                </c:pt>
                <c:pt idx="4">
                  <c:v>SF KEX (CN)</c:v>
                </c:pt>
                <c:pt idx="5">
                  <c:v>C.H. Robinson (US)</c:v>
                </c:pt>
                <c:pt idx="6">
                  <c:v>Nippon Express (JP)</c:v>
                </c:pt>
                <c:pt idx="7">
                  <c:v>CEVA Logistics (CH)</c:v>
                </c:pt>
                <c:pt idx="8">
                  <c:v>Expeditors (US)</c:v>
                </c:pt>
                <c:pt idx="9">
                  <c:v>Sinotrans (CN)</c:v>
                </c:pt>
                <c:pt idx="10">
                  <c:v>Maersk Logistics (DK)</c:v>
                </c:pt>
                <c:pt idx="11">
                  <c:v>UPS Supply Chain (US)</c:v>
                </c:pt>
                <c:pt idx="12">
                  <c:v>J.B. Hunt (US)</c:v>
                </c:pt>
                <c:pt idx="13">
                  <c:v>SNCF Geodis (FR)</c:v>
                </c:pt>
                <c:pt idx="14">
                  <c:v>GXO Logistics (US)</c:v>
                </c:pt>
                <c:pt idx="15">
                  <c:v>Dachser (DE)</c:v>
                </c:pt>
                <c:pt idx="16">
                  <c:v>TQL (US)</c:v>
                </c:pt>
                <c:pt idx="17">
                  <c:v>Kintetsu (JP)</c:v>
                </c:pt>
                <c:pt idx="18">
                  <c:v>LX Pantos (KR)</c:v>
                </c:pt>
                <c:pt idx="19">
                  <c:v>Bolloré (FR)</c:v>
                </c:pt>
              </c:strCache>
            </c:strRef>
          </c:cat>
          <c:val>
            <c:numRef>
              <c:f>'Global top 20 FF'!$H$4:$H$23</c:f>
              <c:numCache>
                <c:formatCode>0.0</c:formatCode>
                <c:ptCount val="20"/>
                <c:pt idx="0">
                  <c:v>46.863999999999997</c:v>
                </c:pt>
                <c:pt idx="1">
                  <c:v>45.59</c:v>
                </c:pt>
                <c:pt idx="2">
                  <c:v>34.883000000000003</c:v>
                </c:pt>
                <c:pt idx="3">
                  <c:v>30.391999999999999</c:v>
                </c:pt>
                <c:pt idx="4">
                  <c:v>25.74</c:v>
                </c:pt>
                <c:pt idx="5">
                  <c:v>23.873999999999999</c:v>
                </c:pt>
                <c:pt idx="6">
                  <c:v>19.931999999999999</c:v>
                </c:pt>
                <c:pt idx="7">
                  <c:v>18.7</c:v>
                </c:pt>
                <c:pt idx="8">
                  <c:v>17.071000000000002</c:v>
                </c:pt>
                <c:pt idx="9">
                  <c:v>16.405000000000001</c:v>
                </c:pt>
                <c:pt idx="10">
                  <c:v>14.423</c:v>
                </c:pt>
                <c:pt idx="11">
                  <c:v>14.294</c:v>
                </c:pt>
                <c:pt idx="12">
                  <c:v>13.766</c:v>
                </c:pt>
                <c:pt idx="13">
                  <c:v>12.624000000000001</c:v>
                </c:pt>
                <c:pt idx="14">
                  <c:v>8.9930000000000003</c:v>
                </c:pt>
                <c:pt idx="15">
                  <c:v>8.9179999999999993</c:v>
                </c:pt>
                <c:pt idx="16">
                  <c:v>8.8490000000000002</c:v>
                </c:pt>
                <c:pt idx="17">
                  <c:v>8.7100000000000009</c:v>
                </c:pt>
                <c:pt idx="18">
                  <c:v>8.2430000000000003</c:v>
                </c:pt>
                <c:pt idx="19">
                  <c:v>7.466000000000000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54A7-4E71-A672-BDCA1474A7A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68"/>
        <c:overlap val="-61"/>
        <c:axId val="424927960"/>
        <c:axId val="424929136"/>
      </c:barChart>
      <c:catAx>
        <c:axId val="424927960"/>
        <c:scaling>
          <c:orientation val="maxMin"/>
        </c:scaling>
        <c:delete val="0"/>
        <c:axPos val="l"/>
        <c:numFmt formatCode="General" sourceLinked="0"/>
        <c:majorTickMark val="out"/>
        <c:minorTickMark val="none"/>
        <c:tickLblPos val="nextTo"/>
        <c:spPr>
          <a:ln>
            <a:noFill/>
          </a:ln>
        </c:spPr>
        <c:crossAx val="424929136"/>
        <c:crosses val="autoZero"/>
        <c:auto val="1"/>
        <c:lblAlgn val="ctr"/>
        <c:lblOffset val="100"/>
        <c:noMultiLvlLbl val="0"/>
      </c:catAx>
      <c:valAx>
        <c:axId val="424929136"/>
        <c:scaling>
          <c:orientation val="minMax"/>
        </c:scaling>
        <c:delete val="0"/>
        <c:axPos val="t"/>
        <c:numFmt formatCode="0.0" sourceLinked="1"/>
        <c:majorTickMark val="none"/>
        <c:minorTickMark val="none"/>
        <c:tickLblPos val="none"/>
        <c:spPr>
          <a:ln>
            <a:noFill/>
          </a:ln>
        </c:spPr>
        <c:crossAx val="424927960"/>
        <c:crosses val="autoZero"/>
        <c:crossBetween val="between"/>
      </c:valAx>
      <c:spPr>
        <a:noFill/>
        <a:ln>
          <a:noFill/>
        </a:ln>
      </c:spPr>
    </c:plotArea>
    <c:plotVisOnly val="1"/>
    <c:dispBlanksAs val="gap"/>
    <c:showDLblsOverMax val="0"/>
  </c:chart>
  <c:spPr>
    <a:noFill/>
    <a:ln>
      <a:noFill/>
    </a:ln>
  </c:spPr>
  <c:txPr>
    <a:bodyPr/>
    <a:lstStyle/>
    <a:p>
      <a:pPr>
        <a:defRPr sz="800"/>
      </a:pPr>
      <a:endParaRPr lang="da-DK"/>
    </a:p>
  </c:txPr>
  <c:externalData r:id="rId1">
    <c:autoUpdate val="0"/>
  </c:externalData>
  <c:userShapes r:id="rId2"/>
</c:chartSpace>
</file>

<file path=ppt/drawings/drawing1.xml><?xml version="1.0" encoding="utf-8"?>
<c:userShapes xmlns:c="http://schemas.openxmlformats.org/drawingml/2006/chart">
  <cdr:relSizeAnchor xmlns:cdr="http://schemas.openxmlformats.org/drawingml/2006/chartDrawing">
    <cdr:from>
      <cdr:x>0.20318</cdr:x>
      <cdr:y>0.50554</cdr:y>
    </cdr:from>
    <cdr:to>
      <cdr:x>0.25092</cdr:x>
      <cdr:y>0.54374</cdr:y>
    </cdr:to>
    <cdr:sp macro="" textlink="">
      <cdr:nvSpPr>
        <cdr:cNvPr id="23" name="TextBox 1"/>
        <cdr:cNvSpPr txBox="1"/>
      </cdr:nvSpPr>
      <cdr:spPr>
        <a:xfrm xmlns:a="http://schemas.openxmlformats.org/drawingml/2006/main">
          <a:off x="1581152" y="2898775"/>
          <a:ext cx="371474" cy="219075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wrap="square" rtlCol="0"/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endParaRPr lang="en-US" sz="1100" b="1" dirty="0">
            <a:solidFill>
              <a:schemeClr val="bg1"/>
            </a:solidFill>
          </a:endParaRPr>
        </a:p>
      </cdr:txBody>
    </cdr:sp>
  </cdr:relSizeAnchor>
  <cdr:relSizeAnchor xmlns:cdr="http://schemas.openxmlformats.org/drawingml/2006/chartDrawing">
    <cdr:from>
      <cdr:x>0.20318</cdr:x>
      <cdr:y>0.55371</cdr:y>
    </cdr:from>
    <cdr:to>
      <cdr:x>0.25092</cdr:x>
      <cdr:y>0.59192</cdr:y>
    </cdr:to>
    <cdr:sp macro="" textlink="">
      <cdr:nvSpPr>
        <cdr:cNvPr id="24" name="TextBox 1"/>
        <cdr:cNvSpPr txBox="1"/>
      </cdr:nvSpPr>
      <cdr:spPr>
        <a:xfrm xmlns:a="http://schemas.openxmlformats.org/drawingml/2006/main">
          <a:off x="1581152" y="3175000"/>
          <a:ext cx="371474" cy="219075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wrap="square" rtlCol="0"/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endParaRPr lang="en-US" sz="1100" b="1" dirty="0">
            <a:solidFill>
              <a:schemeClr val="bg1"/>
            </a:solidFill>
          </a:endParaRPr>
        </a:p>
      </cdr:txBody>
    </cdr:sp>
  </cdr:relSizeAnchor>
  <cdr:relSizeAnchor xmlns:cdr="http://schemas.openxmlformats.org/drawingml/2006/chartDrawing">
    <cdr:from>
      <cdr:x>0.20318</cdr:x>
      <cdr:y>0.64673</cdr:y>
    </cdr:from>
    <cdr:to>
      <cdr:x>0.25092</cdr:x>
      <cdr:y>0.68494</cdr:y>
    </cdr:to>
    <cdr:sp macro="" textlink="">
      <cdr:nvSpPr>
        <cdr:cNvPr id="26" name="TextBox 1"/>
        <cdr:cNvSpPr txBox="1"/>
      </cdr:nvSpPr>
      <cdr:spPr>
        <a:xfrm xmlns:a="http://schemas.openxmlformats.org/drawingml/2006/main">
          <a:off x="1581152" y="3708400"/>
          <a:ext cx="371474" cy="219075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wrap="square" rtlCol="0"/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endParaRPr lang="en-US" sz="1100" b="1" dirty="0">
            <a:solidFill>
              <a:schemeClr val="bg1"/>
            </a:solidFill>
          </a:endParaRPr>
        </a:p>
      </cdr:txBody>
    </cdr:sp>
  </cdr:relSizeAnchor>
</c:userShape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3;n"/>
          <p:cNvSpPr txBox="1">
            <a:spLocks noGrp="1"/>
          </p:cNvSpPr>
          <p:nvPr>
            <p:ph type="hdr" idx="2"/>
          </p:nvPr>
        </p:nvSpPr>
        <p:spPr>
          <a:xfrm>
            <a:off x="0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4" name="Google Shape;4;n"/>
          <p:cNvSpPr txBox="1">
            <a:spLocks noGrp="1"/>
          </p:cNvSpPr>
          <p:nvPr>
            <p:ph type="dt" idx="10"/>
          </p:nvPr>
        </p:nvSpPr>
        <p:spPr>
          <a:xfrm>
            <a:off x="3884613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5" name="Google Shape;5;n"/>
          <p:cNvSpPr>
            <a:spLocks noGrp="1" noRot="1" noChangeAspect="1"/>
          </p:cNvSpPr>
          <p:nvPr>
            <p:ph type="sldImg" idx="3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6" name="Google Shape;6;n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457200" marR="0" lvl="0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L="914400" marR="0" lvl="1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1371600" marR="0" lvl="2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1828800" marR="0" lvl="3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2286000" marR="0" lvl="4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2743200" marR="0" lvl="5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3200400" marR="0" lvl="6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3657600" marR="0" lvl="7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4114800" marR="0" lvl="8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7" name="Google Shape;7;n"/>
          <p:cNvSpPr txBox="1">
            <a:spLocks noGrp="1"/>
          </p:cNvSpPr>
          <p:nvPr>
            <p:ph type="ftr" idx="11"/>
          </p:nvPr>
        </p:nvSpPr>
        <p:spPr>
          <a:xfrm>
            <a:off x="0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8" name="Google Shape;8;n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</a:pPr>
            <a:fld id="{00000000-1234-1234-1234-123412341234}" type="slidenum">
              <a:rPr lang="da-DK"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‹#›</a:t>
            </a:fld>
            <a:endParaRPr sz="1200" b="0" i="0" u="none" strike="noStrike" cap="none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844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442" name="Google Shape;8442;g1042e732a65_0_345:notes"/>
          <p:cNvSpPr txBox="1">
            <a:spLocks noGrp="1"/>
          </p:cNvSpPr>
          <p:nvPr>
            <p:ph type="body" idx="1"/>
          </p:nvPr>
        </p:nvSpPr>
        <p:spPr>
          <a:xfrm>
            <a:off x="679768" y="4777194"/>
            <a:ext cx="5438140" cy="390877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endParaRPr/>
          </a:p>
        </p:txBody>
      </p:sp>
      <p:sp>
        <p:nvSpPr>
          <p:cNvPr id="8443" name="Google Shape;8443;g1042e732a65_0_345:notes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</p:spTree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0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3" name="Google Shape;203;g29d43c695c9_0_262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204" name="Google Shape;204;g29d43c695c9_0_262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endParaRPr dirty="0"/>
          </a:p>
        </p:txBody>
      </p:sp>
      <p:sp>
        <p:nvSpPr>
          <p:cNvPr id="205" name="Google Shape;205;g29d43c695c9_0_262:notes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Calibri"/>
              <a:buNone/>
            </a:pPr>
            <a:fld id="{00000000-1234-1234-1234-123412341234}" type="slidenum">
              <a:rPr lang="da-DK" sz="1200" b="0" i="0" u="none" strike="noStrike" cap="none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rPr>
              <a:t>12</a:t>
            </a:fld>
            <a:endParaRPr sz="1200" b="0" i="0" u="none" strike="noStrike" cap="none">
              <a:solidFill>
                <a:srgbClr val="000000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4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1" name="Google Shape;241;p15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242" name="Google Shape;242;p15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r>
              <a:rPr lang="da-DK" dirty="0"/>
              <a:t>SPM Thomas: ”Hvordan spiller AI ind i jeres sikkerhedsarbejde”?</a:t>
            </a:r>
            <a:endParaRPr dirty="0"/>
          </a:p>
        </p:txBody>
      </p:sp>
      <p:sp>
        <p:nvSpPr>
          <p:cNvPr id="243" name="Google Shape;243;p15:notes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Calibri"/>
              <a:buNone/>
            </a:pPr>
            <a:fld id="{00000000-1234-1234-1234-123412341234}" type="slidenum">
              <a:rPr lang="da-DK" sz="1200" b="0" i="0" u="none" strike="noStrike" cap="none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rPr>
              <a:t>13</a:t>
            </a:fld>
            <a:endParaRPr sz="1200" b="0" i="0" u="none" strike="noStrike" cap="none">
              <a:solidFill>
                <a:srgbClr val="000000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5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57" name="Google Shape;757;p2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758" name="Google Shape;758;p2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457200" marR="0" lvl="0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endParaRPr dirty="0"/>
          </a:p>
        </p:txBody>
      </p:sp>
      <p:sp>
        <p:nvSpPr>
          <p:cNvPr id="759" name="Google Shape;759;p2:notes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Calibri"/>
              <a:buNone/>
            </a:pPr>
            <a:fld id="{00000000-1234-1234-1234-123412341234}" type="slidenum">
              <a:rPr lang="da-DK" sz="1200" b="0" i="0" u="none" strike="noStrike" cap="none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rPr>
              <a:t>14</a:t>
            </a:fld>
            <a:endParaRPr sz="1200" b="0" i="0" u="none" strike="noStrike" cap="none">
              <a:solidFill>
                <a:srgbClr val="000000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7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7" name="Google Shape;277;g29d43c695c9_0_131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278" name="Google Shape;278;g29d43c695c9_0_131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r>
              <a:rPr lang="da-DK" dirty="0"/>
              <a:t>SPM Thomas: ”Hvordan forholder DSV sig til NIS2?”</a:t>
            </a:r>
            <a:endParaRPr dirty="0"/>
          </a:p>
        </p:txBody>
      </p:sp>
      <p:sp>
        <p:nvSpPr>
          <p:cNvPr id="279" name="Google Shape;279;g29d43c695c9_0_131:notes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Calibri"/>
              <a:buNone/>
            </a:pPr>
            <a:fld id="{00000000-1234-1234-1234-123412341234}" type="slidenum">
              <a:rPr lang="da-DK" sz="1200" b="0" i="0" u="none" strike="noStrike" cap="none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rPr>
              <a:t>15</a:t>
            </a:fld>
            <a:endParaRPr sz="1200" b="0" i="0" u="none" strike="noStrike" cap="none">
              <a:solidFill>
                <a:srgbClr val="000000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1" name="Google Shape;291;g29d43c695c9_0_152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292" name="Google Shape;292;g29d43c695c9_0_152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r>
              <a:rPr lang="da-DK" dirty="0"/>
              <a:t>SPM Thomas: ”Kan du genkende nogle af disse udfordringer fra jeres arbejde”?</a:t>
            </a:r>
            <a:endParaRPr dirty="0"/>
          </a:p>
        </p:txBody>
      </p:sp>
      <p:sp>
        <p:nvSpPr>
          <p:cNvPr id="293" name="Google Shape;293;g29d43c695c9_0_152:notes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Calibri"/>
              <a:buNone/>
            </a:pPr>
            <a:fld id="{00000000-1234-1234-1234-123412341234}" type="slidenum">
              <a:rPr lang="da-DK" sz="1200" b="0" i="0" u="none" strike="noStrike" cap="none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rPr>
              <a:t>16</a:t>
            </a:fld>
            <a:endParaRPr sz="1200" b="0" i="0" u="none" strike="noStrike" cap="none">
              <a:solidFill>
                <a:srgbClr val="000000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1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8" name="Google Shape;318;g29d43c695c9_0_174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319" name="Google Shape;319;g29d43c695c9_0_174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endParaRPr dirty="0"/>
          </a:p>
        </p:txBody>
      </p:sp>
      <p:sp>
        <p:nvSpPr>
          <p:cNvPr id="320" name="Google Shape;320;g29d43c695c9_0_174:notes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Calibri"/>
              <a:buNone/>
            </a:pPr>
            <a:fld id="{00000000-1234-1234-1234-123412341234}" type="slidenum">
              <a:rPr lang="da-DK" sz="1200" b="0" i="0" u="none" strike="noStrike" cap="none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rPr>
              <a:t>17</a:t>
            </a:fld>
            <a:endParaRPr sz="1200" b="0" i="0" u="none" strike="noStrike" cap="none">
              <a:solidFill>
                <a:srgbClr val="000000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3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6" name="Google Shape;336;p23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337" name="Google Shape;337;p23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r>
              <a:rPr lang="da-DK" dirty="0"/>
              <a:t>SPM Thomas: ”Oplever I også at det er svært at rekruttere?”</a:t>
            </a:r>
            <a:endParaRPr dirty="0"/>
          </a:p>
        </p:txBody>
      </p:sp>
      <p:sp>
        <p:nvSpPr>
          <p:cNvPr id="338" name="Google Shape;338;p23:notes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Calibri"/>
              <a:buNone/>
            </a:pPr>
            <a:fld id="{00000000-1234-1234-1234-123412341234}" type="slidenum">
              <a:rPr lang="da-DK" sz="1200" b="0" i="0" u="none" strike="noStrike" cap="none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rPr>
              <a:t>18</a:t>
            </a:fld>
            <a:endParaRPr sz="1200" b="0" i="0" u="none" strike="noStrike" cap="none">
              <a:solidFill>
                <a:srgbClr val="000000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5" name="Google Shape;355;p26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356" name="Google Shape;356;p26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r>
              <a:rPr lang="da-DK" dirty="0"/>
              <a:t>SPM Thomas: ”Kan du sætte ord på, hvordan I interagerer med bestyrelsen på </a:t>
            </a:r>
            <a:r>
              <a:rPr lang="da-DK" dirty="0" err="1"/>
              <a:t>cybersikkerhedsområdet</a:t>
            </a:r>
            <a:r>
              <a:rPr lang="da-DK" dirty="0"/>
              <a:t>?”</a:t>
            </a:r>
            <a:endParaRPr dirty="0"/>
          </a:p>
        </p:txBody>
      </p:sp>
      <p:sp>
        <p:nvSpPr>
          <p:cNvPr id="357" name="Google Shape;357;p26:notes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Calibri"/>
              <a:buNone/>
            </a:pPr>
            <a:fld id="{00000000-1234-1234-1234-123412341234}" type="slidenum">
              <a:rPr lang="da-DK" sz="1200" b="0" i="0" u="none" strike="noStrike" cap="none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rPr>
              <a:t>19</a:t>
            </a:fld>
            <a:endParaRPr sz="1200" b="0" i="0" u="none" strike="noStrike" cap="none">
              <a:solidFill>
                <a:srgbClr val="000000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0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6" name="Google Shape;406;g2a1b6206481_0_98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407" name="Google Shape;407;g2a1b6206481_0_98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endParaRPr dirty="0"/>
          </a:p>
        </p:txBody>
      </p:sp>
      <p:sp>
        <p:nvSpPr>
          <p:cNvPr id="408" name="Google Shape;408;g2a1b6206481_0_98:notes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Calibri"/>
              <a:buNone/>
            </a:pPr>
            <a:fld id="{00000000-1234-1234-1234-123412341234}" type="slidenum">
              <a:rPr lang="da-DK" sz="1200" b="0" i="0" u="none" strike="noStrike" cap="none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rPr>
              <a:t>20</a:t>
            </a:fld>
            <a:endParaRPr sz="1200" b="0" i="0" u="none" strike="noStrike" cap="none">
              <a:solidFill>
                <a:srgbClr val="000000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" name="Google Shape;44;p2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45" name="Google Shape;45;p2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r>
              <a:rPr lang="da-DK" dirty="0"/>
              <a:t>Her giver jeg ordet til Thomas. </a:t>
            </a:r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r>
              <a:rPr lang="da-DK" dirty="0"/>
              <a:t>Introduktion til Thomas, DSV og sikkerhedsfunktion.</a:t>
            </a:r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r>
              <a:rPr lang="da-DK" dirty="0"/>
              <a:t>Indsæt gerne DSV slides efter denne.</a:t>
            </a:r>
            <a:endParaRPr dirty="0"/>
          </a:p>
        </p:txBody>
      </p:sp>
      <p:sp>
        <p:nvSpPr>
          <p:cNvPr id="46" name="Google Shape;46;p2:notes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Calibri"/>
              <a:buNone/>
            </a:pPr>
            <a:fld id="{00000000-1234-1234-1234-123412341234}" type="slidenum">
              <a:rPr lang="da-DK" sz="1200" b="0" i="0" u="none" strike="noStrike" cap="none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rPr>
              <a:t>2</a:t>
            </a:fld>
            <a:endParaRPr sz="1200" b="0" i="0" u="none" strike="noStrike" cap="none">
              <a:solidFill>
                <a:srgbClr val="000000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27038" y="708025"/>
            <a:ext cx="6289675" cy="353853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7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GB" sz="7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3614254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7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GB" sz="7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33176977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Google Shape;37;p1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38" name="Google Shape;38;p1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endParaRPr dirty="0"/>
          </a:p>
        </p:txBody>
      </p:sp>
      <p:sp>
        <p:nvSpPr>
          <p:cNvPr id="39" name="Google Shape;39;p1:notes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Calibri"/>
              <a:buNone/>
            </a:pPr>
            <a:fld id="{00000000-1234-1234-1234-123412341234}" type="slidenum">
              <a:rPr lang="da-DK" sz="1200" b="0" i="0" u="none" strike="noStrike" cap="none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rPr>
              <a:t>7</a:t>
            </a:fld>
            <a:endParaRPr sz="1200" b="0" i="0" u="none" strike="noStrike" cap="none">
              <a:solidFill>
                <a:srgbClr val="000000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" name="Google Shape;76;g29fd7e1232e_0_193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77" name="Google Shape;77;g29fd7e1232e_0_193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endParaRPr dirty="0"/>
          </a:p>
        </p:txBody>
      </p:sp>
      <p:sp>
        <p:nvSpPr>
          <p:cNvPr id="78" name="Google Shape;78;g29fd7e1232e_0_193:notes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Calibri"/>
              <a:buNone/>
            </a:pPr>
            <a:fld id="{00000000-1234-1234-1234-123412341234}" type="slidenum">
              <a:rPr lang="da-DK" sz="1200" b="0" i="0" u="none" strike="noStrike" cap="none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rPr>
              <a:t>8</a:t>
            </a:fld>
            <a:endParaRPr sz="1200" b="0" i="0" u="none" strike="noStrike" cap="none">
              <a:solidFill>
                <a:srgbClr val="000000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3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5" name="Google Shape;135;g29d43c695c9_0_384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136" name="Google Shape;136;g29d43c695c9_0_384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tabLst/>
              <a:defRPr/>
            </a:pPr>
            <a:r>
              <a:rPr lang="da-DK" dirty="0"/>
              <a:t>SPM Thomas: ”Kan du mærket et forhøjet fokus på sikkerhed i DSV?”</a:t>
            </a:r>
          </a:p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endParaRPr dirty="0"/>
          </a:p>
        </p:txBody>
      </p:sp>
      <p:sp>
        <p:nvSpPr>
          <p:cNvPr id="137" name="Google Shape;137;g29d43c695c9_0_384:notes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Calibri"/>
              <a:buNone/>
            </a:pPr>
            <a:fld id="{00000000-1234-1234-1234-123412341234}" type="slidenum">
              <a:rPr lang="da-DK" sz="1200" b="0" i="0" u="none" strike="noStrike" cap="none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rPr>
              <a:t>9</a:t>
            </a:fld>
            <a:endParaRPr sz="1200" b="0" i="0" u="none" strike="noStrike" cap="none">
              <a:solidFill>
                <a:srgbClr val="000000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6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0" name="Google Shape;170;g29d43c695c9_0_350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171" name="Google Shape;171;g29d43c695c9_0_350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endParaRPr dirty="0"/>
          </a:p>
        </p:txBody>
      </p:sp>
      <p:sp>
        <p:nvSpPr>
          <p:cNvPr id="172" name="Google Shape;172;g29d43c695c9_0_350:notes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Calibri"/>
              <a:buNone/>
            </a:pPr>
            <a:fld id="{00000000-1234-1234-1234-123412341234}" type="slidenum">
              <a:rPr lang="da-DK" sz="1200" b="0" i="0" u="none" strike="noStrike" cap="none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rPr>
              <a:t>10</a:t>
            </a:fld>
            <a:endParaRPr sz="1200" b="0" i="0" u="none" strike="noStrike" cap="none">
              <a:solidFill>
                <a:srgbClr val="000000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8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5" name="Google Shape;185;g29d43c695c9_0_321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186" name="Google Shape;186;g29d43c695c9_0_321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</a:pPr>
            <a:r>
              <a:rPr lang="da-DK" dirty="0"/>
              <a:t>SPM Thomas: ”Er dette nogle prioriteringer, som du kan genkende fra DSV?”</a:t>
            </a:r>
            <a:endParaRPr dirty="0"/>
          </a:p>
        </p:txBody>
      </p:sp>
      <p:sp>
        <p:nvSpPr>
          <p:cNvPr id="187" name="Google Shape;187;g29d43c695c9_0_321:notes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Calibri"/>
              <a:buNone/>
            </a:pPr>
            <a:fld id="{00000000-1234-1234-1234-123412341234}" type="slidenum">
              <a:rPr lang="da-DK" sz="1200" b="0" i="0" u="none" strike="noStrike" cap="none">
                <a:solidFill>
                  <a:srgbClr val="000000"/>
                </a:solidFill>
                <a:latin typeface="Calibri"/>
                <a:ea typeface="Calibri"/>
                <a:cs typeface="Calibri"/>
                <a:sym typeface="Calibri"/>
              </a:rPr>
              <a:t>11</a:t>
            </a:fld>
            <a:endParaRPr sz="1200" b="0" i="0" u="none" strike="noStrike" cap="none">
              <a:solidFill>
                <a:srgbClr val="000000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png"/><Relationship Id="rId3" Type="http://schemas.openxmlformats.org/officeDocument/2006/relationships/image" Target="../media/image8.png"/><Relationship Id="rId7" Type="http://schemas.openxmlformats.org/officeDocument/2006/relationships/image" Target="../media/image12.png"/><Relationship Id="rId12" Type="http://schemas.openxmlformats.org/officeDocument/2006/relationships/image" Target="../media/image17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11.png"/><Relationship Id="rId11" Type="http://schemas.openxmlformats.org/officeDocument/2006/relationships/image" Target="../media/image16.png"/><Relationship Id="rId5" Type="http://schemas.openxmlformats.org/officeDocument/2006/relationships/image" Target="../media/image10.png"/><Relationship Id="rId10" Type="http://schemas.openxmlformats.org/officeDocument/2006/relationships/image" Target="../media/image15.png"/><Relationship Id="rId4" Type="http://schemas.openxmlformats.org/officeDocument/2006/relationships/image" Target="../media/image9.png"/><Relationship Id="rId9" Type="http://schemas.openxmlformats.org/officeDocument/2006/relationships/image" Target="../media/image14.png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lank" type="blank">
  <p:cSld name="BLANK">
    <p:spTree>
      <p:nvGrpSpPr>
        <p:cNvPr id="1" name="Shape 1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BEC7586-FF63-56CE-F0EB-06C7B675C9E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984296" y="6355080"/>
            <a:ext cx="1764792" cy="137160"/>
          </a:xfrm>
        </p:spPr>
        <p:txBody>
          <a:bodyPr vert="horz" lIns="0" tIns="0" rIns="0" bIns="0" rtlCol="0" anchor="b" anchorCtr="0"/>
          <a:lstStyle>
            <a:lvl1pPr algn="r">
              <a:defRPr lang="da-DK" smtClean="0"/>
            </a:lvl1pPr>
          </a:lstStyle>
          <a:p>
            <a:endParaRPr lang="da-DK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2B0B526-3365-E100-4CA3-2004A5B75C6E}"/>
              </a:ext>
            </a:extLst>
          </p:cNvPr>
          <p:cNvSpPr>
            <a:spLocks noGrp="1"/>
          </p:cNvSpPr>
          <p:nvPr>
            <p:ph type="ftr" idx="11"/>
          </p:nvPr>
        </p:nvSpPr>
        <p:spPr>
          <a:xfrm>
            <a:off x="442912" y="6355080"/>
            <a:ext cx="5473701" cy="137160"/>
          </a:xfrm>
        </p:spPr>
        <p:txBody>
          <a:bodyPr vert="horz" lIns="0" tIns="0" rIns="0" bIns="0" rtlCol="0" anchor="b" anchorCtr="0"/>
          <a:lstStyle>
            <a:lvl1pPr algn="l">
              <a:defRPr lang="da-DK"/>
            </a:lvl1pPr>
          </a:lstStyle>
          <a:p>
            <a:r>
              <a:rPr lang="da-DK"/>
              <a:t>Cyber Agenda 2024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25CBED1-DB27-E92C-9F78-B6AEF1800D2F}"/>
              </a:ext>
            </a:extLst>
          </p:cNvPr>
          <p:cNvSpPr>
            <a:spLocks noGrp="1"/>
          </p:cNvSpPr>
          <p:nvPr>
            <p:ph type="sldNum" idx="12"/>
          </p:nvPr>
        </p:nvSpPr>
        <p:spPr>
          <a:xfrm>
            <a:off x="9984296" y="6492240"/>
            <a:ext cx="1764792" cy="137160"/>
          </a:xfrm>
        </p:spPr>
        <p:txBody>
          <a:bodyPr vert="horz" lIns="0" tIns="0" rIns="0" bIns="0" rtlCol="0" anchor="b" anchorCtr="0">
            <a:noAutofit/>
          </a:bodyPr>
          <a:lstStyle>
            <a:lvl1pPr algn="r">
              <a:defRPr lang="da-DK" smtClean="0"/>
            </a:lvl1pPr>
          </a:lstStyle>
          <a:p>
            <a:fld id="{7078A906-2D08-41E1-AB60-65B14A75BB60}" type="slidenum">
              <a:rPr lang="da-DK" smtClean="0"/>
              <a:pPr/>
              <a:t>‹#›</a:t>
            </a:fld>
            <a:endParaRPr lang="da-DK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A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>
            <a:extLst>
              <a:ext uri="{FF2B5EF4-FFF2-40B4-BE49-F238E27FC236}">
                <a16:creationId xmlns:a16="http://schemas.microsoft.com/office/drawing/2014/main" id="{B209EDC0-8626-4C9E-8C9B-D78BAE74C8EB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431A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1015999" y="1143000"/>
            <a:ext cx="7112001" cy="4000500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6000" spc="-300" baseline="0"/>
            </a:lvl1pPr>
          </a:lstStyle>
          <a:p>
            <a:r>
              <a:rPr lang="en-US" dirty="0"/>
              <a:t>Click to add title</a:t>
            </a: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553E7A06-E9BE-B92A-AF3C-7AB03727E26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016000" y="6090767"/>
            <a:ext cx="661414" cy="195733"/>
          </a:xfrm>
          <a:prstGeom prst="rect">
            <a:avLst/>
          </a:prstGeom>
        </p:spPr>
      </p:pic>
      <p:sp>
        <p:nvSpPr>
          <p:cNvPr id="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6372206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push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>
            <a:extLst>
              <a:ext uri="{FF2B5EF4-FFF2-40B4-BE49-F238E27FC236}">
                <a16:creationId xmlns:a16="http://schemas.microsoft.com/office/drawing/2014/main" id="{B209EDC0-8626-4C9E-8C9B-D78BAE74C8EB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B87E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015999" y="1143000"/>
            <a:ext cx="7112001" cy="4000500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6000" spc="-300" baseline="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AC6FF088-8F53-D367-9F6D-5DB2E96BB18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016000" y="6090767"/>
            <a:ext cx="661414" cy="195733"/>
          </a:xfrm>
          <a:prstGeom prst="rect">
            <a:avLst/>
          </a:prstGeom>
        </p:spPr>
      </p:pic>
      <p:sp>
        <p:nvSpPr>
          <p:cNvPr id="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33219545"/>
      </p:ext>
    </p:extLst>
  </p:cSld>
  <p:clrMapOvr>
    <a:masterClrMapping/>
  </p:clrMapOvr>
  <p:transition spd="slow">
    <p:push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>
            <a:extLst>
              <a:ext uri="{FF2B5EF4-FFF2-40B4-BE49-F238E27FC236}">
                <a16:creationId xmlns:a16="http://schemas.microsoft.com/office/drawing/2014/main" id="{A125EFE3-97FF-4C6E-9A67-2A9531017A93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BCDB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015999" y="1143000"/>
            <a:ext cx="7112001" cy="4000500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6000" spc="-300" baseline="0"/>
            </a:lvl1pPr>
          </a:lstStyle>
          <a:p>
            <a:r>
              <a:rPr lang="en-US" dirty="0"/>
              <a:t>Click to add title</a:t>
            </a: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210D1E87-E4AD-C58B-DB51-B831BAC9D0D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9" r="39"/>
          <a:stretch>
            <a:fillRect/>
          </a:stretch>
        </p:blipFill>
        <p:spPr>
          <a:xfrm>
            <a:off x="1016000" y="6090767"/>
            <a:ext cx="661414" cy="195733"/>
          </a:xfrm>
          <a:prstGeom prst="rect">
            <a:avLst/>
          </a:prstGeom>
        </p:spPr>
      </p:pic>
      <p:sp>
        <p:nvSpPr>
          <p:cNvPr id="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25775721"/>
      </p:ext>
    </p:extLst>
  </p:cSld>
  <p:clrMapOvr>
    <a:masterClrMapping/>
  </p:clrMapOvr>
  <p:transition spd="slow">
    <p:push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. Photo right side.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>
            <a:extLst>
              <a:ext uri="{FF2B5EF4-FFF2-40B4-BE49-F238E27FC236}">
                <a16:creationId xmlns:a16="http://schemas.microsoft.com/office/drawing/2014/main" id="{A125EFE3-97FF-4C6E-9A67-2A9531017A93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266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1015999" y="1143000"/>
            <a:ext cx="4064001" cy="4572000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6000" spc="-300" baseline="0"/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9" name="Picture Placeholder 10">
            <a:extLst>
              <a:ext uri="{FF2B5EF4-FFF2-40B4-BE49-F238E27FC236}">
                <a16:creationId xmlns:a16="http://schemas.microsoft.com/office/drawing/2014/main" id="{41652E79-A256-6435-22B5-189A7EE09C39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095998" y="-3"/>
            <a:ext cx="6096001" cy="6861600"/>
          </a:xfrm>
          <a:solidFill>
            <a:srgbClr val="D7D9DC"/>
          </a:solidFill>
        </p:spPr>
        <p:txBody>
          <a:bodyPr lIns="72000" tIns="72000" rIns="72000" anchor="t" anchorCtr="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Activate the frame go to Templafy -&gt; Photos to select a picture</a:t>
            </a:r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6528760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push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. Photo left side.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>
            <a:extLst>
              <a:ext uri="{FF2B5EF4-FFF2-40B4-BE49-F238E27FC236}">
                <a16:creationId xmlns:a16="http://schemas.microsoft.com/office/drawing/2014/main" id="{A125EFE3-97FF-4C6E-9A67-2A9531017A93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266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7112000" y="1143000"/>
            <a:ext cx="4064001" cy="4572000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6000" spc="-300" baseline="0"/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9" name="Picture Placeholder 10">
            <a:extLst>
              <a:ext uri="{FF2B5EF4-FFF2-40B4-BE49-F238E27FC236}">
                <a16:creationId xmlns:a16="http://schemas.microsoft.com/office/drawing/2014/main" id="{41652E79-A256-6435-22B5-189A7EE09C39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-2" y="-3"/>
            <a:ext cx="6096001" cy="6861600"/>
          </a:xfrm>
          <a:solidFill>
            <a:srgbClr val="D7D9DC"/>
          </a:solidFill>
        </p:spPr>
        <p:txBody>
          <a:bodyPr lIns="72000" tIns="72000" rIns="72000" anchor="t" anchorCtr="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Activate the frame go to Templafy -&gt; Photos to select a picture</a:t>
            </a:r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3998276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push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/ Photo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10">
            <a:extLst>
              <a:ext uri="{FF2B5EF4-FFF2-40B4-BE49-F238E27FC236}">
                <a16:creationId xmlns:a16="http://schemas.microsoft.com/office/drawing/2014/main" id="{89571D55-61C8-1072-5592-ED5E71F0EC6A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016000" y="1143000"/>
            <a:ext cx="10160001" cy="5714999"/>
          </a:xfrm>
          <a:solidFill>
            <a:srgbClr val="D7D9DC"/>
          </a:solidFill>
        </p:spPr>
        <p:txBody>
          <a:bodyPr lIns="72000" tIns="72000" rIns="72000" anchor="t" anchorCtr="0"/>
          <a:lstStyle>
            <a:lvl1pPr marL="0" indent="0" algn="ctr">
              <a:buNone/>
              <a:defRPr sz="1600"/>
            </a:lvl1pPr>
          </a:lstStyle>
          <a:p>
            <a:r>
              <a:rPr lang="en-US" dirty="0"/>
              <a:t>Activate the frame go to Templafy -&gt; Photos to select a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EDF73BF-CE58-1841-4EF3-51F5AFC57EB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0" y="0"/>
            <a:ext cx="7112000" cy="1143001"/>
          </a:xfrm>
        </p:spPr>
        <p:txBody>
          <a:bodyPr anchor="ctr" anchorCtr="0"/>
          <a:lstStyle>
            <a:lvl1pPr algn="r">
              <a:lnSpc>
                <a:spcPct val="100000"/>
              </a:lnSpc>
              <a:defRPr sz="2400" spc="-120" baseline="0"/>
            </a:lvl1pPr>
          </a:lstStyle>
          <a:p>
            <a:r>
              <a:rPr lang="en-US" dirty="0"/>
              <a:t>Click to add title</a:t>
            </a:r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7887DE7B-80B9-0272-865D-89D3DD81B42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9" r="39"/>
          <a:stretch>
            <a:fillRect/>
          </a:stretch>
        </p:blipFill>
        <p:spPr>
          <a:xfrm>
            <a:off x="1016000" y="473634"/>
            <a:ext cx="661414" cy="195733"/>
          </a:xfrm>
          <a:prstGeom prst="rect">
            <a:avLst/>
          </a:prstGeom>
        </p:spPr>
      </p:pic>
      <p:sp>
        <p:nvSpPr>
          <p:cNvPr id="4" name="Date_DateCustomA" hidden="1">
            <a:extLst>
              <a:ext uri="{FF2B5EF4-FFF2-40B4-BE49-F238E27FC236}">
                <a16:creationId xmlns:a16="http://schemas.microsoft.com/office/drawing/2014/main" id="{615A88E0-4E4A-519D-9700-7D5CA52F898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5" name="FLD_PresentationTitle" hidden="1">
            <a:extLst>
              <a:ext uri="{FF2B5EF4-FFF2-40B4-BE49-F238E27FC236}">
                <a16:creationId xmlns:a16="http://schemas.microsoft.com/office/drawing/2014/main" id="{F2468DD4-BE4F-9ACC-7037-B7B58F3877D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  <p:sp>
        <p:nvSpPr>
          <p:cNvPr id="8" name="Slide Number Placeholder 5" hidden="1">
            <a:extLst>
              <a:ext uri="{FF2B5EF4-FFF2-40B4-BE49-F238E27FC236}">
                <a16:creationId xmlns:a16="http://schemas.microsoft.com/office/drawing/2014/main" id="{F0286516-5F7F-CE86-B65D-766BC770DD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46280161"/>
      </p:ext>
    </p:extLst>
  </p:cSld>
  <p:clrMapOvr>
    <a:masterClrMapping/>
  </p:clrMapOvr>
  <p:transition spd="slow">
    <p:push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/ Photo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EDF73BF-CE58-1841-4EF3-51F5AFC57EB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0" y="5714999"/>
            <a:ext cx="7112000" cy="1143001"/>
          </a:xfrm>
        </p:spPr>
        <p:txBody>
          <a:bodyPr anchor="ctr" anchorCtr="0"/>
          <a:lstStyle>
            <a:lvl1pPr algn="r">
              <a:lnSpc>
                <a:spcPct val="100000"/>
              </a:lnSpc>
              <a:defRPr sz="2400" spc="-120" baseline="0"/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4" name="Picture Placeholder 10">
            <a:extLst>
              <a:ext uri="{FF2B5EF4-FFF2-40B4-BE49-F238E27FC236}">
                <a16:creationId xmlns:a16="http://schemas.microsoft.com/office/drawing/2014/main" id="{FB94A73F-473D-8EE9-886D-D0230F6DF5A0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016000" y="0"/>
            <a:ext cx="10160001" cy="5714999"/>
          </a:xfrm>
          <a:solidFill>
            <a:srgbClr val="D7D9DC"/>
          </a:solidFill>
        </p:spPr>
        <p:txBody>
          <a:bodyPr lIns="72000" tIns="72000" rIns="72000" anchor="t" anchorCtr="0"/>
          <a:lstStyle>
            <a:lvl1pPr marL="0" indent="0" algn="ctr">
              <a:buNone/>
              <a:defRPr sz="1600"/>
            </a:lvl1pPr>
          </a:lstStyle>
          <a:p>
            <a:r>
              <a:rPr lang="en-US" dirty="0"/>
              <a:t>Activate the frame go to Templafy -&gt; Photos to select a picture</a:t>
            </a: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FA933D2A-3926-BE08-658A-38ACA7D8B00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9" r="39"/>
          <a:stretch>
            <a:fillRect/>
          </a:stretch>
        </p:blipFill>
        <p:spPr>
          <a:xfrm>
            <a:off x="1016000" y="6188633"/>
            <a:ext cx="661414" cy="195733"/>
          </a:xfrm>
          <a:prstGeom prst="rect">
            <a:avLst/>
          </a:prstGeom>
        </p:spPr>
      </p:pic>
      <p:sp>
        <p:nvSpPr>
          <p:cNvPr id="5" name="Date_DateCustomA" hidden="1">
            <a:extLst>
              <a:ext uri="{FF2B5EF4-FFF2-40B4-BE49-F238E27FC236}">
                <a16:creationId xmlns:a16="http://schemas.microsoft.com/office/drawing/2014/main" id="{BC7DA32B-9DA6-837C-A252-B237166ABF38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7" name="FLD_PresentationTitle" hidden="1">
            <a:extLst>
              <a:ext uri="{FF2B5EF4-FFF2-40B4-BE49-F238E27FC236}">
                <a16:creationId xmlns:a16="http://schemas.microsoft.com/office/drawing/2014/main" id="{F157FDFF-ED79-E7B5-E586-44FD83BCDB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  <p:sp>
        <p:nvSpPr>
          <p:cNvPr id="8" name="Slide Number Placeholder 5" hidden="1">
            <a:extLst>
              <a:ext uri="{FF2B5EF4-FFF2-40B4-BE49-F238E27FC236}">
                <a16:creationId xmlns:a16="http://schemas.microsoft.com/office/drawing/2014/main" id="{56B00B80-C8F3-9B75-F1D9-191A496D4D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99602295"/>
      </p:ext>
    </p:extLst>
  </p:cSld>
  <p:clrMapOvr>
    <a:masterClrMapping/>
  </p:clrMapOvr>
  <p:transition spd="slow">
    <p:push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/ Video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EDF73BF-CE58-1841-4EF3-51F5AFC57EB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0" y="0"/>
            <a:ext cx="7112000" cy="1143001"/>
          </a:xfrm>
        </p:spPr>
        <p:txBody>
          <a:bodyPr anchor="ctr" anchorCtr="0"/>
          <a:lstStyle>
            <a:lvl1pPr algn="r">
              <a:lnSpc>
                <a:spcPct val="100000"/>
              </a:lnSpc>
              <a:defRPr sz="2400" spc="-120" baseline="0"/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9" name="Media Placeholder 8">
            <a:extLst>
              <a:ext uri="{FF2B5EF4-FFF2-40B4-BE49-F238E27FC236}">
                <a16:creationId xmlns:a16="http://schemas.microsoft.com/office/drawing/2014/main" id="{5B7007E8-F47C-6725-920A-9C68241BB2EC}"/>
              </a:ext>
            </a:extLst>
          </p:cNvPr>
          <p:cNvSpPr>
            <a:spLocks noGrp="1"/>
          </p:cNvSpPr>
          <p:nvPr>
            <p:ph type="media" sz="quarter" idx="11"/>
          </p:nvPr>
        </p:nvSpPr>
        <p:spPr>
          <a:xfrm>
            <a:off x="1016000" y="1143001"/>
            <a:ext cx="10160000" cy="5714999"/>
          </a:xfrm>
          <a:solidFill>
            <a:srgbClr val="D7D9DC"/>
          </a:solidFill>
        </p:spPr>
        <p:txBody>
          <a:bodyPr/>
          <a:lstStyle>
            <a:lvl1pPr marL="0" indent="0" algn="ctr">
              <a:buNone/>
              <a:defRPr/>
            </a:lvl1pPr>
          </a:lstStyle>
          <a:p>
            <a:endParaRPr lang="en-GB" dirty="0"/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7887DE7B-80B9-0272-865D-89D3DD81B42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9" r="39"/>
          <a:stretch>
            <a:fillRect/>
          </a:stretch>
        </p:blipFill>
        <p:spPr>
          <a:xfrm>
            <a:off x="1016000" y="473634"/>
            <a:ext cx="661414" cy="195733"/>
          </a:xfrm>
          <a:prstGeom prst="rect">
            <a:avLst/>
          </a:prstGeom>
        </p:spPr>
      </p:pic>
      <p:sp>
        <p:nvSpPr>
          <p:cNvPr id="10" name="Date_DateCustomA" hidden="1">
            <a:extLst>
              <a:ext uri="{FF2B5EF4-FFF2-40B4-BE49-F238E27FC236}">
                <a16:creationId xmlns:a16="http://schemas.microsoft.com/office/drawing/2014/main" id="{C93401DF-3442-EF28-EF87-4ADB68B22AF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11" name="FLD_PresentationTitle" hidden="1">
            <a:extLst>
              <a:ext uri="{FF2B5EF4-FFF2-40B4-BE49-F238E27FC236}">
                <a16:creationId xmlns:a16="http://schemas.microsoft.com/office/drawing/2014/main" id="{A3BB0EBC-BA87-021D-10AB-98DE0933FAB0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52278516-4C84-CBAB-C31C-851D3CCD516A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65200770"/>
      </p:ext>
    </p:extLst>
  </p:cSld>
  <p:clrMapOvr>
    <a:masterClrMapping/>
  </p:clrMapOvr>
  <p:transition spd="slow">
    <p:push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/ Video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EDF73BF-CE58-1841-4EF3-51F5AFC57EB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64000" y="5714999"/>
            <a:ext cx="7112000" cy="1143001"/>
          </a:xfrm>
        </p:spPr>
        <p:txBody>
          <a:bodyPr anchor="ctr" anchorCtr="0"/>
          <a:lstStyle>
            <a:lvl1pPr algn="r">
              <a:lnSpc>
                <a:spcPct val="100000"/>
              </a:lnSpc>
              <a:defRPr sz="2400" spc="-120" baseline="0"/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9" name="Media Placeholder 8">
            <a:extLst>
              <a:ext uri="{FF2B5EF4-FFF2-40B4-BE49-F238E27FC236}">
                <a16:creationId xmlns:a16="http://schemas.microsoft.com/office/drawing/2014/main" id="{5B7007E8-F47C-6725-920A-9C68241BB2EC}"/>
              </a:ext>
            </a:extLst>
          </p:cNvPr>
          <p:cNvSpPr>
            <a:spLocks noGrp="1"/>
          </p:cNvSpPr>
          <p:nvPr>
            <p:ph type="media" sz="quarter" idx="11"/>
          </p:nvPr>
        </p:nvSpPr>
        <p:spPr>
          <a:xfrm>
            <a:off x="1016000" y="0"/>
            <a:ext cx="10160000" cy="5714999"/>
          </a:xfrm>
          <a:solidFill>
            <a:srgbClr val="D7D9DC"/>
          </a:solidFill>
        </p:spPr>
        <p:txBody>
          <a:bodyPr/>
          <a:lstStyle>
            <a:lvl1pPr marL="0" indent="0" algn="ctr">
              <a:buNone/>
              <a:defRPr/>
            </a:lvl1pPr>
          </a:lstStyle>
          <a:p>
            <a:endParaRPr lang="en-GB" dirty="0"/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FA933D2A-3926-BE08-658A-38ACA7D8B00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9" r="39"/>
          <a:stretch>
            <a:fillRect/>
          </a:stretch>
        </p:blipFill>
        <p:spPr>
          <a:xfrm>
            <a:off x="1016000" y="6188633"/>
            <a:ext cx="661414" cy="195733"/>
          </a:xfrm>
          <a:prstGeom prst="rect">
            <a:avLst/>
          </a:prstGeom>
        </p:spPr>
      </p:pic>
      <p:sp>
        <p:nvSpPr>
          <p:cNvPr id="4" name="Date_DateCustomA" hidden="1">
            <a:extLst>
              <a:ext uri="{FF2B5EF4-FFF2-40B4-BE49-F238E27FC236}">
                <a16:creationId xmlns:a16="http://schemas.microsoft.com/office/drawing/2014/main" id="{2647149E-3225-6E07-A2C3-29F4AAF3BB9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5" name="FLD_PresentationTitle" hidden="1">
            <a:extLst>
              <a:ext uri="{FF2B5EF4-FFF2-40B4-BE49-F238E27FC236}">
                <a16:creationId xmlns:a16="http://schemas.microsoft.com/office/drawing/2014/main" id="{1B9EBF59-CDCB-7A93-2A08-D4DD7E7D683A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  <p:sp>
        <p:nvSpPr>
          <p:cNvPr id="8" name="Slide Number Placeholder 5" hidden="1">
            <a:extLst>
              <a:ext uri="{FF2B5EF4-FFF2-40B4-BE49-F238E27FC236}">
                <a16:creationId xmlns:a16="http://schemas.microsoft.com/office/drawing/2014/main" id="{6C075FC0-1496-772E-E48D-8E743FC362A9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10612227"/>
      </p:ext>
    </p:extLst>
  </p:cSld>
  <p:clrMapOvr>
    <a:masterClrMapping/>
  </p:clrMapOvr>
  <p:transition spd="slow">
    <p:push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0/50. Four pictures.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>
            <a:extLst>
              <a:ext uri="{FF2B5EF4-FFF2-40B4-BE49-F238E27FC236}">
                <a16:creationId xmlns:a16="http://schemas.microsoft.com/office/drawing/2014/main" id="{A125EFE3-97FF-4C6E-9A67-2A9531017A93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266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1015999" y="1143000"/>
            <a:ext cx="4064001" cy="2857500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2800" spc="-300" baseline="0"/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1" name="Content Placeholder 8">
            <a:extLst>
              <a:ext uri="{FF2B5EF4-FFF2-40B4-BE49-F238E27FC236}">
                <a16:creationId xmlns:a16="http://schemas.microsoft.com/office/drawing/2014/main" id="{31B76FEC-FA37-5397-4146-517D33B039B4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 bwMode="white">
          <a:xfrm>
            <a:off x="1015999" y="4000499"/>
            <a:ext cx="4064001" cy="1714501"/>
          </a:xfrm>
        </p:spPr>
        <p:txBody>
          <a:bodyPr anchor="b" anchorCtr="0"/>
          <a:lstStyle>
            <a:lvl1pPr marL="180000" indent="-180000">
              <a:spcBef>
                <a:spcPts val="1000"/>
              </a:spcBef>
              <a:defRPr sz="1400"/>
            </a:lvl1pPr>
            <a:lvl2pPr marL="360000" indent="-180000">
              <a:defRPr sz="1400"/>
            </a:lvl2pPr>
            <a:lvl3pPr marL="540000" indent="-180000">
              <a:defRPr sz="1400"/>
            </a:lvl3pPr>
            <a:lvl4pPr>
              <a:defRPr sz="1400"/>
            </a:lvl4pPr>
            <a:lvl5pPr>
              <a:defRPr sz="1400"/>
            </a:lvl5pPr>
            <a:lvl9pPr>
              <a:defRPr sz="60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Picture Placeholder 10">
            <a:extLst>
              <a:ext uri="{FF2B5EF4-FFF2-40B4-BE49-F238E27FC236}">
                <a16:creationId xmlns:a16="http://schemas.microsoft.com/office/drawing/2014/main" id="{41652E79-A256-6435-22B5-189A7EE09C39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095999" y="-3"/>
            <a:ext cx="3048002" cy="3429003"/>
          </a:xfrm>
          <a:solidFill>
            <a:srgbClr val="D7D9DC"/>
          </a:solidFill>
        </p:spPr>
        <p:txBody>
          <a:bodyPr lIns="72000" tIns="72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en-US" dirty="0"/>
              <a:t>Activate the frame go to Templafy -&gt; Photos to select a picture</a:t>
            </a:r>
          </a:p>
        </p:txBody>
      </p:sp>
      <p:sp>
        <p:nvSpPr>
          <p:cNvPr id="7" name="Picture Placeholder 12">
            <a:extLst>
              <a:ext uri="{FF2B5EF4-FFF2-40B4-BE49-F238E27FC236}">
                <a16:creationId xmlns:a16="http://schemas.microsoft.com/office/drawing/2014/main" id="{160ED267-CE2A-9C6E-2A58-D17EC49FD33B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9144000" y="-6"/>
            <a:ext cx="3048002" cy="3429003"/>
          </a:xfrm>
          <a:solidFill>
            <a:srgbClr val="AAB0BA"/>
          </a:solidFill>
        </p:spPr>
        <p:txBody>
          <a:bodyPr lIns="72000" tIns="72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en-US" dirty="0"/>
              <a:t>Activate the frame go to Templafy -&gt; Photos to select a picture</a:t>
            </a:r>
          </a:p>
        </p:txBody>
      </p:sp>
      <p:sp>
        <p:nvSpPr>
          <p:cNvPr id="3" name="Picture Placeholder 14">
            <a:extLst>
              <a:ext uri="{FF2B5EF4-FFF2-40B4-BE49-F238E27FC236}">
                <a16:creationId xmlns:a16="http://schemas.microsoft.com/office/drawing/2014/main" id="{7917D4E6-EBD9-387E-C598-F1E497609DB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095998" y="3429000"/>
            <a:ext cx="3048002" cy="3429003"/>
          </a:xfrm>
          <a:solidFill>
            <a:srgbClr val="AAB0BA"/>
          </a:solidFill>
        </p:spPr>
        <p:txBody>
          <a:bodyPr lIns="72000" tIns="72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en-US" dirty="0"/>
              <a:t>Activate the frame go to Templafy -&gt; Photos to select a picture</a:t>
            </a:r>
          </a:p>
        </p:txBody>
      </p:sp>
      <p:sp>
        <p:nvSpPr>
          <p:cNvPr id="8" name="Picture Placeholder 16">
            <a:extLst>
              <a:ext uri="{FF2B5EF4-FFF2-40B4-BE49-F238E27FC236}">
                <a16:creationId xmlns:a16="http://schemas.microsoft.com/office/drawing/2014/main" id="{86AA52A1-0E52-62B5-82F1-71500022762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9144000" y="3429000"/>
            <a:ext cx="3048002" cy="3429003"/>
          </a:xfrm>
          <a:solidFill>
            <a:srgbClr val="D7D9DC"/>
          </a:solidFill>
        </p:spPr>
        <p:txBody>
          <a:bodyPr lIns="72000" tIns="72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en-US" dirty="0"/>
              <a:t>Activate the frame go to Templafy -&gt; Photos to select a picture</a:t>
            </a:r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67E9A8FD-18CF-3BCF-7734-E0DE693EE839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 bwMode="white"/>
        <p:txBody>
          <a:bodyPr/>
          <a:lstStyle/>
          <a:p>
            <a:fld id="{D0EF7201-F92F-4B08-8CD8-21667D02614A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3543632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push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" type="title">
  <p:cSld name="TITLE">
    <p:spTree>
      <p:nvGrpSpPr>
        <p:cNvPr id="1" name="Shape 1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Google Shape;18;p38"/>
          <p:cNvSpPr txBox="1"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normAutofit/>
          </a:bodyPr>
          <a:lstStyle>
            <a:lvl1pPr lvl="0" algn="ctr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4500"/>
              <a:buFont typeface="Georgia"/>
              <a:buNone/>
              <a:defRPr sz="4500"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9" name="Google Shape;19;p38"/>
          <p:cNvSpPr txBox="1"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Pts val="1800"/>
              <a:buNone/>
              <a:defRPr sz="1800"/>
            </a:lvl1pPr>
            <a:lvl2pPr lvl="1" algn="ctr">
              <a:lnSpc>
                <a:spcPct val="100000"/>
              </a:lnSpc>
              <a:spcBef>
                <a:spcPts val="900"/>
              </a:spcBef>
              <a:spcAft>
                <a:spcPts val="0"/>
              </a:spcAft>
              <a:buClr>
                <a:schemeClr val="dk1"/>
              </a:buClr>
              <a:buSzPts val="1500"/>
              <a:buNone/>
              <a:defRPr sz="1500"/>
            </a:lvl2pPr>
            <a:lvl3pPr lvl="2" algn="ctr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350"/>
              <a:buNone/>
              <a:defRPr sz="1350"/>
            </a:lvl3pPr>
            <a:lvl4pPr lvl="3" algn="ctr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4pPr>
            <a:lvl5pPr lvl="4" algn="ctr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5pPr>
            <a:lvl6pPr lvl="5" algn="ctr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6pPr>
            <a:lvl7pPr lvl="6" algn="ctr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7pPr>
            <a:lvl8pPr lvl="7" algn="ctr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8pPr>
            <a:lvl9pPr lvl="8" algn="ctr">
              <a:lnSpc>
                <a:spcPct val="100000"/>
              </a:lnSpc>
              <a:spcBef>
                <a:spcPts val="450"/>
              </a:spcBef>
              <a:spcAft>
                <a:spcPts val="450"/>
              </a:spcAft>
              <a:buClr>
                <a:schemeClr val="dk1"/>
              </a:buClr>
              <a:buSzPts val="1200"/>
              <a:buNone/>
              <a:defRPr sz="1200"/>
            </a:lvl9pPr>
          </a:lstStyle>
          <a:p>
            <a:endParaRPr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4AC489B-64F1-D213-81C9-7964BEC8BFD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984296" y="6355080"/>
            <a:ext cx="1764792" cy="137160"/>
          </a:xfrm>
        </p:spPr>
        <p:txBody>
          <a:bodyPr vert="horz" lIns="0" tIns="0" rIns="0" bIns="0" rtlCol="0" anchor="b" anchorCtr="0"/>
          <a:lstStyle>
            <a:lvl1pPr algn="r">
              <a:defRPr lang="da-DK" smtClean="0"/>
            </a:lvl1pPr>
          </a:lstStyle>
          <a:p>
            <a:endParaRPr lang="da-DK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19157FE-7709-A27D-CB88-4E13AF5615A7}"/>
              </a:ext>
            </a:extLst>
          </p:cNvPr>
          <p:cNvSpPr>
            <a:spLocks noGrp="1"/>
          </p:cNvSpPr>
          <p:nvPr>
            <p:ph type="ftr" idx="11"/>
          </p:nvPr>
        </p:nvSpPr>
        <p:spPr>
          <a:xfrm>
            <a:off x="442912" y="6355080"/>
            <a:ext cx="5473701" cy="137160"/>
          </a:xfrm>
        </p:spPr>
        <p:txBody>
          <a:bodyPr vert="horz" lIns="0" tIns="0" rIns="0" bIns="0" rtlCol="0" anchor="b" anchorCtr="0"/>
          <a:lstStyle>
            <a:lvl1pPr algn="l">
              <a:defRPr lang="da-DK"/>
            </a:lvl1pPr>
          </a:lstStyle>
          <a:p>
            <a:r>
              <a:rPr lang="da-DK"/>
              <a:t>Cyber Agenda 2024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9EB6201-E467-357D-46E9-405D82DA7AD0}"/>
              </a:ext>
            </a:extLst>
          </p:cNvPr>
          <p:cNvSpPr>
            <a:spLocks noGrp="1"/>
          </p:cNvSpPr>
          <p:nvPr>
            <p:ph type="sldNum" idx="12"/>
          </p:nvPr>
        </p:nvSpPr>
        <p:spPr>
          <a:xfrm>
            <a:off x="9984296" y="6492240"/>
            <a:ext cx="1764792" cy="137160"/>
          </a:xfrm>
        </p:spPr>
        <p:txBody>
          <a:bodyPr vert="horz" lIns="0" tIns="0" rIns="0" bIns="0" rtlCol="0" anchor="b" anchorCtr="0">
            <a:noAutofit/>
          </a:bodyPr>
          <a:lstStyle>
            <a:lvl1pPr algn="r">
              <a:defRPr lang="da-DK" smtClean="0"/>
            </a:lvl1pPr>
          </a:lstStyle>
          <a:p>
            <a:fld id="{3A259B9E-3046-492A-827B-6EB02E8C5BD3}" type="slidenum">
              <a:rPr lang="da-DK" smtClean="0"/>
              <a:pPr/>
              <a:t>‹#›</a:t>
            </a:fld>
            <a:endParaRPr lang="da-DK"/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ro. A.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0">
            <a:extLst>
              <a:ext uri="{FF2B5EF4-FFF2-40B4-BE49-F238E27FC236}">
                <a16:creationId xmlns:a16="http://schemas.microsoft.com/office/drawing/2014/main" id="{38DDF0E9-4CE9-B343-4872-62126B84DC2F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2"/>
            <a:ext cx="12192000" cy="6858001"/>
          </a:xfrm>
          <a:solidFill>
            <a:srgbClr val="D7D9DC"/>
          </a:solidFill>
        </p:spPr>
        <p:txBody>
          <a:bodyPr lIns="72000" tIns="72000" rIns="72000" anchor="t" anchorCtr="0"/>
          <a:lstStyle>
            <a:lvl1pPr marL="0" indent="0" algn="ctr">
              <a:buNone/>
              <a:defRPr sz="1600"/>
            </a:lvl1pPr>
          </a:lstStyle>
          <a:p>
            <a:r>
              <a:rPr lang="en-US" dirty="0"/>
              <a:t>Activate the frame go to Templafy -&gt; Photos to select a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6108336-28BF-0B78-1382-C16BC332967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096000" y="571501"/>
            <a:ext cx="5080000" cy="5714999"/>
          </a:xfrm>
          <a:solidFill>
            <a:srgbClr val="EFF0F0"/>
          </a:solidFill>
        </p:spPr>
        <p:txBody>
          <a:bodyPr lIns="1015200" tIns="572400" rIns="1015200" bIns="3960000"/>
          <a:lstStyle>
            <a:lvl1pPr>
              <a:lnSpc>
                <a:spcPct val="100000"/>
              </a:lnSpc>
              <a:defRPr sz="2800" spc="-130" baseline="0"/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3" name="Content Placeholder 8">
            <a:extLst>
              <a:ext uri="{FF2B5EF4-FFF2-40B4-BE49-F238E27FC236}">
                <a16:creationId xmlns:a16="http://schemas.microsoft.com/office/drawing/2014/main" id="{EF2F699A-9A0E-FC32-6C65-D24A5577A7AA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7112001" y="2286000"/>
            <a:ext cx="3048000" cy="3429000"/>
          </a:xfrm>
        </p:spPr>
        <p:txBody>
          <a:bodyPr anchor="t" anchorCtr="0"/>
          <a:lstStyle>
            <a:lvl1pPr marL="180000" indent="-180000">
              <a:spcBef>
                <a:spcPts val="1000"/>
              </a:spcBef>
              <a:defRPr sz="1400"/>
            </a:lvl1pPr>
            <a:lvl2pPr marL="360000" indent="-180000">
              <a:spcBef>
                <a:spcPts val="1000"/>
              </a:spcBef>
              <a:defRPr sz="1400"/>
            </a:lvl2pPr>
            <a:lvl3pPr marL="540000" indent="-180000">
              <a:defRPr sz="1400"/>
            </a:lvl3pPr>
            <a:lvl4pPr>
              <a:defRPr sz="1400"/>
            </a:lvl4pPr>
            <a:lvl5pPr>
              <a:defRPr sz="1400"/>
            </a:lvl5pPr>
            <a:lvl9pPr>
              <a:defRPr sz="60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B47B4789-6EF5-CE03-F897-F331E46C22A6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0EF7201-F92F-4B08-8CD8-21667D02614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5" name="Date_DateCustomA" hidden="1">
            <a:extLst>
              <a:ext uri="{FF2B5EF4-FFF2-40B4-BE49-F238E27FC236}">
                <a16:creationId xmlns:a16="http://schemas.microsoft.com/office/drawing/2014/main" id="{F8F6FA0E-135D-B279-FA33-FE27ACB56FD4}"/>
              </a:ext>
            </a:extLst>
          </p:cNvPr>
          <p:cNvSpPr>
            <a:spLocks noGrp="1"/>
          </p:cNvSpPr>
          <p:nvPr>
            <p:ph type="dt" sz="half" idx="18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16" name="FLD_PresentationTitle" hidden="1">
            <a:extLst>
              <a:ext uri="{FF2B5EF4-FFF2-40B4-BE49-F238E27FC236}">
                <a16:creationId xmlns:a16="http://schemas.microsoft.com/office/drawing/2014/main" id="{B44FDAFB-C5C0-A39A-436F-064D0BCF44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</p:spTree>
    <p:extLst>
      <p:ext uri="{BB962C8B-B14F-4D97-AF65-F5344CB8AC3E}">
        <p14:creationId xmlns:p14="http://schemas.microsoft.com/office/powerpoint/2010/main" val="3882355693"/>
      </p:ext>
    </p:extLst>
  </p:cSld>
  <p:clrMapOvr>
    <a:masterClrMapping/>
  </p:clrMapOvr>
  <p:transition spd="slow">
    <p:push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ro. B.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0">
            <a:extLst>
              <a:ext uri="{FF2B5EF4-FFF2-40B4-BE49-F238E27FC236}">
                <a16:creationId xmlns:a16="http://schemas.microsoft.com/office/drawing/2014/main" id="{38DDF0E9-4CE9-B343-4872-62126B84DC2F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2"/>
            <a:ext cx="12192000" cy="6858001"/>
          </a:xfrm>
          <a:solidFill>
            <a:srgbClr val="D7D9DC"/>
          </a:solidFill>
        </p:spPr>
        <p:txBody>
          <a:bodyPr lIns="72000" tIns="72000" rIns="72000" anchor="t" anchorCtr="0"/>
          <a:lstStyle>
            <a:lvl1pPr marL="0" indent="0" algn="ctr">
              <a:buNone/>
              <a:defRPr sz="1600"/>
            </a:lvl1pPr>
          </a:lstStyle>
          <a:p>
            <a:r>
              <a:rPr lang="en-US" dirty="0"/>
              <a:t>Activate the frame go to Templafy -&gt; Photos to select a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6108336-28BF-0B78-1382-C16BC332967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16000" y="571501"/>
            <a:ext cx="5080000" cy="5714999"/>
          </a:xfrm>
          <a:solidFill>
            <a:srgbClr val="EFF0F0"/>
          </a:solidFill>
        </p:spPr>
        <p:txBody>
          <a:bodyPr lIns="1015200" tIns="572400" rIns="1015200" bIns="3960000"/>
          <a:lstStyle>
            <a:lvl1pPr>
              <a:lnSpc>
                <a:spcPct val="100000"/>
              </a:lnSpc>
              <a:defRPr sz="2800" spc="-130" baseline="0"/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3" name="Content Placeholder 8">
            <a:extLst>
              <a:ext uri="{FF2B5EF4-FFF2-40B4-BE49-F238E27FC236}">
                <a16:creationId xmlns:a16="http://schemas.microsoft.com/office/drawing/2014/main" id="{EF2F699A-9A0E-FC32-6C65-D24A5577A7AA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2032000" y="2286000"/>
            <a:ext cx="3048001" cy="3429000"/>
          </a:xfrm>
        </p:spPr>
        <p:txBody>
          <a:bodyPr anchor="t" anchorCtr="0"/>
          <a:lstStyle>
            <a:lvl1pPr marL="180000" indent="-180000">
              <a:spcBef>
                <a:spcPts val="1000"/>
              </a:spcBef>
              <a:defRPr sz="1400"/>
            </a:lvl1pPr>
            <a:lvl2pPr marL="360000" indent="-180000">
              <a:spcBef>
                <a:spcPts val="1000"/>
              </a:spcBef>
              <a:defRPr sz="1400"/>
            </a:lvl2pPr>
            <a:lvl3pPr marL="540000" indent="-180000">
              <a:spcBef>
                <a:spcPts val="1000"/>
              </a:spcBef>
              <a:defRPr sz="1400"/>
            </a:lvl3pPr>
            <a:lvl4pPr>
              <a:defRPr sz="1400"/>
            </a:lvl4pPr>
            <a:lvl5pPr>
              <a:defRPr sz="1400"/>
            </a:lvl5pPr>
            <a:lvl9pPr>
              <a:defRPr sz="6000" b="1">
                <a:solidFill>
                  <a:schemeClr val="tx2"/>
                </a:solidFill>
              </a:defRPr>
            </a:lvl9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B47B4789-6EF5-CE03-F897-F331E46C22A6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 bwMode="white"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D0EF7201-F92F-4B08-8CD8-21667D02614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Date_DateCustomA" hidden="1">
            <a:extLst>
              <a:ext uri="{FF2B5EF4-FFF2-40B4-BE49-F238E27FC236}">
                <a16:creationId xmlns:a16="http://schemas.microsoft.com/office/drawing/2014/main" id="{3F76FFE6-0EF7-1458-6DBC-A308223D23FD}"/>
              </a:ext>
            </a:extLst>
          </p:cNvPr>
          <p:cNvSpPr>
            <a:spLocks noGrp="1"/>
          </p:cNvSpPr>
          <p:nvPr>
            <p:ph type="dt" sz="half" idx="18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8" name="FLD_PresentationTitle" hidden="1">
            <a:extLst>
              <a:ext uri="{FF2B5EF4-FFF2-40B4-BE49-F238E27FC236}">
                <a16:creationId xmlns:a16="http://schemas.microsoft.com/office/drawing/2014/main" id="{ADBC57DC-1F97-14E1-7119-084B290A01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</p:spTree>
    <p:extLst>
      <p:ext uri="{BB962C8B-B14F-4D97-AF65-F5344CB8AC3E}">
        <p14:creationId xmlns:p14="http://schemas.microsoft.com/office/powerpoint/2010/main" val="1835795559"/>
      </p:ext>
    </p:extLst>
  </p:cSld>
  <p:clrMapOvr>
    <a:masterClrMapping/>
  </p:clrMapOvr>
  <p:transition spd="slow">
    <p:push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>
            <a:extLst>
              <a:ext uri="{FF2B5EF4-FFF2-40B4-BE49-F238E27FC236}">
                <a16:creationId xmlns:a16="http://schemas.microsoft.com/office/drawing/2014/main" id="{CE736B98-1340-62EF-59F8-D7D645149970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266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1016000" y="1143001"/>
            <a:ext cx="7112000" cy="1714500"/>
          </a:xfrm>
        </p:spPr>
        <p:txBody>
          <a:bodyPr/>
          <a:lstStyle>
            <a:lvl1pPr>
              <a:defRPr sz="2800" spc="-300" baseline="0"/>
            </a:lvl1pPr>
          </a:lstStyle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 bwMode="white">
          <a:xfrm>
            <a:off x="1016000" y="2857500"/>
            <a:ext cx="7112000" cy="28575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8C9A912-3843-53FA-60CF-D4C875F3C59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 bwMode="white"/>
        <p:txBody>
          <a:bodyPr/>
          <a:lstStyle/>
          <a:p>
            <a:fld id="{D0EF7201-F92F-4B08-8CD8-21667D02614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Date_DateCustomA" hidden="1">
            <a:extLst>
              <a:ext uri="{FF2B5EF4-FFF2-40B4-BE49-F238E27FC236}">
                <a16:creationId xmlns:a16="http://schemas.microsoft.com/office/drawing/2014/main" id="{9B76FB2B-7B27-25A8-D5DA-A1D0299217CE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12" name="FLD_PresentationTitle" hidden="1">
            <a:extLst>
              <a:ext uri="{FF2B5EF4-FFF2-40B4-BE49-F238E27FC236}">
                <a16:creationId xmlns:a16="http://schemas.microsoft.com/office/drawing/2014/main" id="{7122A9DB-AE31-0883-5DF7-D7EC3B6283C0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</p:spTree>
    <p:extLst>
      <p:ext uri="{BB962C8B-B14F-4D97-AF65-F5344CB8AC3E}">
        <p14:creationId xmlns:p14="http://schemas.microsoft.com/office/powerpoint/2010/main" val="294849155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push/>
  </p:transition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1016000" y="1143001"/>
            <a:ext cx="7112000" cy="1714500"/>
          </a:xfrm>
        </p:spPr>
        <p:txBody>
          <a:bodyPr/>
          <a:lstStyle>
            <a:lvl1pPr>
              <a:defRPr sz="2800" spc="-300" baseline="0"/>
            </a:lvl1pPr>
          </a:lstStyle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1016000" y="2857500"/>
            <a:ext cx="7112000" cy="28575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44F2AB8-50D1-E796-8A43-7D155B9B0EF8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0EF7201-F92F-4B08-8CD8-21667D02614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Date_DateCustomA" hidden="1">
            <a:extLst>
              <a:ext uri="{FF2B5EF4-FFF2-40B4-BE49-F238E27FC236}">
                <a16:creationId xmlns:a16="http://schemas.microsoft.com/office/drawing/2014/main" id="{5CF89A6E-A60B-2C8B-57F5-0EFF32F35FB2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7" name="FLD_PresentationTitle" hidden="1">
            <a:extLst>
              <a:ext uri="{FF2B5EF4-FFF2-40B4-BE49-F238E27FC236}">
                <a16:creationId xmlns:a16="http://schemas.microsoft.com/office/drawing/2014/main" id="{F072395F-8149-8E1A-0376-145F44D72024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</p:spTree>
    <p:extLst>
      <p:ext uri="{BB962C8B-B14F-4D97-AF65-F5344CB8AC3E}">
        <p14:creationId xmlns:p14="http://schemas.microsoft.com/office/powerpoint/2010/main" val="35182418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slow">
    <p:push/>
  </p:transition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C">
    <p:bg>
      <p:bgPr>
        <a:solidFill>
          <a:srgbClr val="2F313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>
            <a:extLst>
              <a:ext uri="{FF2B5EF4-FFF2-40B4-BE49-F238E27FC236}">
                <a16:creationId xmlns:a16="http://schemas.microsoft.com/office/drawing/2014/main" id="{0D628073-55BA-B140-2CA5-8C8B182FC7A2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2F313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1016000" y="571500"/>
            <a:ext cx="10160000" cy="571500"/>
          </a:xfrm>
        </p:spPr>
        <p:txBody>
          <a:bodyPr/>
          <a:lstStyle>
            <a:lvl1pPr>
              <a:defRPr sz="2800" spc="-150" baseline="0"/>
            </a:lvl1pPr>
          </a:lstStyle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 bwMode="white">
          <a:xfrm>
            <a:off x="1016000" y="1714500"/>
            <a:ext cx="7112000" cy="4000500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44F2AB8-50D1-E796-8A43-7D155B9B0EF8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 bwMode="white"/>
        <p:txBody>
          <a:bodyPr/>
          <a:lstStyle/>
          <a:p>
            <a:fld id="{D0EF7201-F92F-4B08-8CD8-21667D02614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Date_DateCustomA" hidden="1">
            <a:extLst>
              <a:ext uri="{FF2B5EF4-FFF2-40B4-BE49-F238E27FC236}">
                <a16:creationId xmlns:a16="http://schemas.microsoft.com/office/drawing/2014/main" id="{E928560C-DC49-6629-0665-93FBC7B9744F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7" name="FLD_PresentationTitle" hidden="1">
            <a:extLst>
              <a:ext uri="{FF2B5EF4-FFF2-40B4-BE49-F238E27FC236}">
                <a16:creationId xmlns:a16="http://schemas.microsoft.com/office/drawing/2014/main" id="{0F42B128-E614-B433-B4F5-E8A753D61256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</p:spTree>
    <p:extLst>
      <p:ext uri="{BB962C8B-B14F-4D97-AF65-F5344CB8AC3E}">
        <p14:creationId xmlns:p14="http://schemas.microsoft.com/office/powerpoint/2010/main" val="2881460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push/>
  </p:transition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A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>
            <a:extLst>
              <a:ext uri="{FF2B5EF4-FFF2-40B4-BE49-F238E27FC236}">
                <a16:creationId xmlns:a16="http://schemas.microsoft.com/office/drawing/2014/main" id="{CE736B98-1340-62EF-59F8-D7D645149970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266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1016000" y="571501"/>
            <a:ext cx="10160000" cy="571500"/>
          </a:xfrm>
        </p:spPr>
        <p:txBody>
          <a:bodyPr/>
          <a:lstStyle>
            <a:lvl1pPr>
              <a:defRPr sz="2800" spc="-150" baseline="0"/>
            </a:lvl1pPr>
          </a:lstStyle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 bwMode="white">
          <a:xfrm>
            <a:off x="1016000" y="1714500"/>
            <a:ext cx="10160000" cy="4000500"/>
          </a:xfrm>
        </p:spPr>
        <p:txBody>
          <a:bodyPr numCol="3" spcCol="1015200"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8C9A912-3843-53FA-60CF-D4C875F3C59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 bwMode="white"/>
        <p:txBody>
          <a:bodyPr/>
          <a:lstStyle/>
          <a:p>
            <a:fld id="{D0EF7201-F92F-4B08-8CD8-21667D02614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Date_DateCustomA" hidden="1">
            <a:extLst>
              <a:ext uri="{FF2B5EF4-FFF2-40B4-BE49-F238E27FC236}">
                <a16:creationId xmlns:a16="http://schemas.microsoft.com/office/drawing/2014/main" id="{BE6232D6-50CD-B698-14DF-4F5A27395776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9" name="FLD_PresentationTitle" hidden="1">
            <a:extLst>
              <a:ext uri="{FF2B5EF4-FFF2-40B4-BE49-F238E27FC236}">
                <a16:creationId xmlns:a16="http://schemas.microsoft.com/office/drawing/2014/main" id="{BDF4765D-9202-4F81-D4C8-B11E46E8B402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</p:spTree>
    <p:extLst>
      <p:ext uri="{BB962C8B-B14F-4D97-AF65-F5344CB8AC3E}">
        <p14:creationId xmlns:p14="http://schemas.microsoft.com/office/powerpoint/2010/main" val="80388360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push/>
  </p:transition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1015999" y="571501"/>
            <a:ext cx="10159999" cy="571499"/>
          </a:xfrm>
        </p:spPr>
        <p:txBody>
          <a:bodyPr/>
          <a:lstStyle>
            <a:lvl1pPr>
              <a:defRPr sz="2800" spc="-150" baseline="0"/>
            </a:lvl1pPr>
          </a:lstStyle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1016000" y="1714500"/>
            <a:ext cx="10160000" cy="4000500"/>
          </a:xfrm>
        </p:spPr>
        <p:txBody>
          <a:bodyPr numCol="3" spcCol="1015200"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8C9A912-3843-53FA-60CF-D4C875F3C59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0EF7201-F92F-4B08-8CD8-21667D02614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Date_DateCustomA" hidden="1">
            <a:extLst>
              <a:ext uri="{FF2B5EF4-FFF2-40B4-BE49-F238E27FC236}">
                <a16:creationId xmlns:a16="http://schemas.microsoft.com/office/drawing/2014/main" id="{192C0DFA-1CB1-427A-8E9E-750569DCB657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6" name="FLD_PresentationTitle" hidden="1">
            <a:extLst>
              <a:ext uri="{FF2B5EF4-FFF2-40B4-BE49-F238E27FC236}">
                <a16:creationId xmlns:a16="http://schemas.microsoft.com/office/drawing/2014/main" id="{43C32F2A-B66D-B6D5-BC1E-EBF8300221C9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</p:spTree>
    <p:extLst>
      <p:ext uri="{BB962C8B-B14F-4D97-AF65-F5344CB8AC3E}">
        <p14:creationId xmlns:p14="http://schemas.microsoft.com/office/powerpoint/2010/main" val="657985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slow">
    <p:push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0/50 split A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>
            <a:extLst>
              <a:ext uri="{FF2B5EF4-FFF2-40B4-BE49-F238E27FC236}">
                <a16:creationId xmlns:a16="http://schemas.microsoft.com/office/drawing/2014/main" id="{CE736B98-1340-62EF-59F8-D7D645149970}"/>
              </a:ext>
            </a:extLst>
          </p:cNvPr>
          <p:cNvSpPr/>
          <p:nvPr userDrawn="1"/>
        </p:nvSpPr>
        <p:spPr>
          <a:xfrm>
            <a:off x="0" y="0"/>
            <a:ext cx="6096000" cy="6858000"/>
          </a:xfrm>
          <a:prstGeom prst="rect">
            <a:avLst/>
          </a:prstGeom>
          <a:solidFill>
            <a:srgbClr val="00266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1016000" y="1143001"/>
            <a:ext cx="4064000" cy="4571999"/>
          </a:xfrm>
        </p:spPr>
        <p:txBody>
          <a:bodyPr/>
          <a:lstStyle>
            <a:lvl1pPr>
              <a:defRPr sz="2800" spc="-180" baseline="0"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112000" y="1143001"/>
            <a:ext cx="4064000" cy="4571999"/>
          </a:xfrm>
        </p:spPr>
        <p:txBody>
          <a:bodyPr numCol="1" spcCol="0"/>
          <a:lstStyle>
            <a:lvl1pPr>
              <a:defRPr sz="14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400">
                <a:solidFill>
                  <a:schemeClr val="tx1"/>
                </a:solidFill>
              </a:defRPr>
            </a:lvl3pPr>
            <a:lvl4pPr>
              <a:defRPr sz="1400">
                <a:solidFill>
                  <a:schemeClr val="tx1"/>
                </a:solidFill>
              </a:defRPr>
            </a:lvl4pPr>
            <a:lvl5pPr>
              <a:defRPr sz="14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8C9A912-3843-53FA-60CF-D4C875F3C59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0EF7201-F92F-4B08-8CD8-21667D02614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Date_DateCustomA" hidden="1">
            <a:extLst>
              <a:ext uri="{FF2B5EF4-FFF2-40B4-BE49-F238E27FC236}">
                <a16:creationId xmlns:a16="http://schemas.microsoft.com/office/drawing/2014/main" id="{3DCF2622-D659-48E0-7315-C7387BD4C495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6" name="FLD_PresentationTitle" hidden="1">
            <a:extLst>
              <a:ext uri="{FF2B5EF4-FFF2-40B4-BE49-F238E27FC236}">
                <a16:creationId xmlns:a16="http://schemas.microsoft.com/office/drawing/2014/main" id="{2258D535-C25E-08A6-2C26-FBE0A94A38D5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</p:spTree>
    <p:extLst>
      <p:ext uri="{BB962C8B-B14F-4D97-AF65-F5344CB8AC3E}">
        <p14:creationId xmlns:p14="http://schemas.microsoft.com/office/powerpoint/2010/main" val="198822571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slow">
    <p:push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0/50 split 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ckground">
            <a:extLst>
              <a:ext uri="{FF2B5EF4-FFF2-40B4-BE49-F238E27FC236}">
                <a16:creationId xmlns:a16="http://schemas.microsoft.com/office/drawing/2014/main" id="{96845445-64FE-646E-98FA-6757F8E5FE6F}"/>
              </a:ext>
            </a:extLst>
          </p:cNvPr>
          <p:cNvSpPr/>
          <p:nvPr userDrawn="1"/>
        </p:nvSpPr>
        <p:spPr>
          <a:xfrm>
            <a:off x="6096000" y="0"/>
            <a:ext cx="6096000" cy="6858000"/>
          </a:xfrm>
          <a:prstGeom prst="rect">
            <a:avLst/>
          </a:prstGeom>
          <a:solidFill>
            <a:srgbClr val="BCDB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4" name="Background">
            <a:extLst>
              <a:ext uri="{FF2B5EF4-FFF2-40B4-BE49-F238E27FC236}">
                <a16:creationId xmlns:a16="http://schemas.microsoft.com/office/drawing/2014/main" id="{CE736B98-1340-62EF-59F8-D7D645149970}"/>
              </a:ext>
            </a:extLst>
          </p:cNvPr>
          <p:cNvSpPr/>
          <p:nvPr userDrawn="1"/>
        </p:nvSpPr>
        <p:spPr>
          <a:xfrm>
            <a:off x="0" y="0"/>
            <a:ext cx="6096000" cy="6858000"/>
          </a:xfrm>
          <a:prstGeom prst="rect">
            <a:avLst/>
          </a:prstGeom>
          <a:solidFill>
            <a:srgbClr val="00266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1016000" y="1143001"/>
            <a:ext cx="4064000" cy="4571999"/>
          </a:xfrm>
        </p:spPr>
        <p:txBody>
          <a:bodyPr/>
          <a:lstStyle>
            <a:lvl1pPr>
              <a:defRPr sz="2800" spc="-180" baseline="0"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112000" y="1143001"/>
            <a:ext cx="4064000" cy="4571999"/>
          </a:xfrm>
        </p:spPr>
        <p:txBody>
          <a:bodyPr numCol="1" spcCol="0"/>
          <a:lstStyle>
            <a:lvl1pPr>
              <a:defRPr sz="14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400">
                <a:solidFill>
                  <a:schemeClr val="tx1"/>
                </a:solidFill>
              </a:defRPr>
            </a:lvl3pPr>
            <a:lvl4pPr>
              <a:defRPr sz="1400">
                <a:solidFill>
                  <a:schemeClr val="tx1"/>
                </a:solidFill>
              </a:defRPr>
            </a:lvl4pPr>
            <a:lvl5pPr>
              <a:defRPr sz="14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8C9A912-3843-53FA-60CF-D4C875F3C59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0EF7201-F92F-4B08-8CD8-21667D02614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Date_DateCustomA" hidden="1">
            <a:extLst>
              <a:ext uri="{FF2B5EF4-FFF2-40B4-BE49-F238E27FC236}">
                <a16:creationId xmlns:a16="http://schemas.microsoft.com/office/drawing/2014/main" id="{4B00D8CC-C5D8-4502-052E-A77492C533CD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8" name="FLD_PresentationTitle" hidden="1">
            <a:extLst>
              <a:ext uri="{FF2B5EF4-FFF2-40B4-BE49-F238E27FC236}">
                <a16:creationId xmlns:a16="http://schemas.microsoft.com/office/drawing/2014/main" id="{AEDE9E90-437C-62DF-5155-E6923CF6DD0A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</p:spTree>
    <p:extLst>
      <p:ext uri="{BB962C8B-B14F-4D97-AF65-F5344CB8AC3E}">
        <p14:creationId xmlns:p14="http://schemas.microsoft.com/office/powerpoint/2010/main" val="252922529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slow">
    <p:push/>
  </p:transition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0/50 split C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ckground">
            <a:extLst>
              <a:ext uri="{FF2B5EF4-FFF2-40B4-BE49-F238E27FC236}">
                <a16:creationId xmlns:a16="http://schemas.microsoft.com/office/drawing/2014/main" id="{96845445-64FE-646E-98FA-6757F8E5FE6F}"/>
              </a:ext>
            </a:extLst>
          </p:cNvPr>
          <p:cNvSpPr/>
          <p:nvPr userDrawn="1"/>
        </p:nvSpPr>
        <p:spPr>
          <a:xfrm>
            <a:off x="6096000" y="0"/>
            <a:ext cx="6096000" cy="6858000"/>
          </a:xfrm>
          <a:prstGeom prst="rect">
            <a:avLst/>
          </a:prstGeom>
          <a:solidFill>
            <a:srgbClr val="EFF0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1016000" y="1143001"/>
            <a:ext cx="4064000" cy="4571999"/>
          </a:xfrm>
        </p:spPr>
        <p:txBody>
          <a:bodyPr/>
          <a:lstStyle>
            <a:lvl1pPr>
              <a:defRPr sz="2800" spc="-180" baseline="0">
                <a:solidFill>
                  <a:schemeClr val="tx1"/>
                </a:solidFill>
              </a:defRPr>
            </a:lvl1pPr>
          </a:lstStyle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112000" y="1143001"/>
            <a:ext cx="4064000" cy="4571999"/>
          </a:xfrm>
        </p:spPr>
        <p:txBody>
          <a:bodyPr numCol="1" spcCol="0"/>
          <a:lstStyle>
            <a:lvl1pPr>
              <a:defRPr sz="14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400">
                <a:solidFill>
                  <a:schemeClr val="tx1"/>
                </a:solidFill>
              </a:defRPr>
            </a:lvl3pPr>
            <a:lvl4pPr>
              <a:defRPr sz="1400">
                <a:solidFill>
                  <a:schemeClr val="tx1"/>
                </a:solidFill>
              </a:defRPr>
            </a:lvl4pPr>
            <a:lvl5pPr>
              <a:defRPr sz="14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8C9A912-3843-53FA-60CF-D4C875F3C59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0EF7201-F92F-4B08-8CD8-21667D02614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Date_DateCustomA" hidden="1">
            <a:extLst>
              <a:ext uri="{FF2B5EF4-FFF2-40B4-BE49-F238E27FC236}">
                <a16:creationId xmlns:a16="http://schemas.microsoft.com/office/drawing/2014/main" id="{A5A34D3A-887D-D1FA-6E48-9D6579F604FE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8" name="FLD_PresentationTitle" hidden="1">
            <a:extLst>
              <a:ext uri="{FF2B5EF4-FFF2-40B4-BE49-F238E27FC236}">
                <a16:creationId xmlns:a16="http://schemas.microsoft.com/office/drawing/2014/main" id="{27F490B2-DC8E-2315-231D-0E2CB869A8DA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</p:spTree>
    <p:extLst>
      <p:ext uri="{BB962C8B-B14F-4D97-AF65-F5344CB8AC3E}">
        <p14:creationId xmlns:p14="http://schemas.microsoft.com/office/powerpoint/2010/main" val="146399350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slow">
    <p:push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hree Content">
  <p:cSld name="Three Content">
    <p:spTree>
      <p:nvGrpSpPr>
        <p:cNvPr id="1" name="Shape 2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Google Shape;23;p39"/>
          <p:cNvSpPr txBox="1">
            <a:spLocks noGrp="1"/>
          </p:cNvSpPr>
          <p:nvPr>
            <p:ph type="title"/>
          </p:nvPr>
        </p:nvSpPr>
        <p:spPr>
          <a:xfrm>
            <a:off x="442914" y="432002"/>
            <a:ext cx="11306175" cy="13872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rmAutofit/>
          </a:bodyPr>
          <a:lstStyle>
            <a:lvl1pPr lvl="0" algn="l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Georgia"/>
              <a:buNone/>
              <a:defRPr/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24" name="Google Shape;24;p39"/>
          <p:cNvSpPr txBox="1">
            <a:spLocks noGrp="1"/>
          </p:cNvSpPr>
          <p:nvPr>
            <p:ph type="body" idx="1"/>
          </p:nvPr>
        </p:nvSpPr>
        <p:spPr>
          <a:xfrm>
            <a:off x="442914" y="2103438"/>
            <a:ext cx="3529012" cy="40687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Pts val="1800"/>
              <a:buNone/>
              <a:defRPr/>
            </a:lvl1pPr>
            <a:lvl2pPr marL="914400" lvl="1" indent="-228600" algn="l">
              <a:lnSpc>
                <a:spcPct val="100000"/>
              </a:lnSpc>
              <a:spcBef>
                <a:spcPts val="90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2pPr>
            <a:lvl3pPr marL="1371600" lvl="2" indent="-342900" algn="l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800"/>
              <a:buChar char="–"/>
              <a:defRPr/>
            </a:lvl4pPr>
            <a:lvl5pPr marL="2286000" lvl="4" indent="-304800" algn="l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200"/>
              <a:buChar char="•"/>
              <a:defRPr/>
            </a:lvl5pPr>
            <a:lvl6pPr marL="2743200" lvl="5" indent="-342900" algn="l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800"/>
              <a:buChar char="–"/>
              <a:defRPr/>
            </a:lvl6pPr>
            <a:lvl7pPr marL="3200400" lvl="6" indent="-342900" algn="l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800"/>
              <a:buChar char="–"/>
              <a:defRPr/>
            </a:lvl8pPr>
            <a:lvl9pPr marL="4114800" lvl="8" indent="-342900" algn="l">
              <a:lnSpc>
                <a:spcPct val="100000"/>
              </a:lnSpc>
              <a:spcBef>
                <a:spcPts val="450"/>
              </a:spcBef>
              <a:spcAft>
                <a:spcPts val="45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25" name="Google Shape;25;p39"/>
          <p:cNvSpPr txBox="1">
            <a:spLocks noGrp="1"/>
          </p:cNvSpPr>
          <p:nvPr>
            <p:ph type="body" idx="2"/>
          </p:nvPr>
        </p:nvSpPr>
        <p:spPr>
          <a:xfrm>
            <a:off x="4332289" y="2103438"/>
            <a:ext cx="3529012" cy="40687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Pts val="1800"/>
              <a:buNone/>
              <a:defRPr/>
            </a:lvl1pPr>
            <a:lvl2pPr marL="914400" lvl="1" indent="-228600" algn="l">
              <a:lnSpc>
                <a:spcPct val="100000"/>
              </a:lnSpc>
              <a:spcBef>
                <a:spcPts val="90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2pPr>
            <a:lvl3pPr marL="1371600" lvl="2" indent="-342900" algn="l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800"/>
              <a:buChar char="–"/>
              <a:defRPr/>
            </a:lvl4pPr>
            <a:lvl5pPr marL="2286000" lvl="4" indent="-304800" algn="l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200"/>
              <a:buChar char="•"/>
              <a:defRPr/>
            </a:lvl5pPr>
            <a:lvl6pPr marL="2743200" lvl="5" indent="-342900" algn="l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800"/>
              <a:buChar char="–"/>
              <a:defRPr/>
            </a:lvl6pPr>
            <a:lvl7pPr marL="3200400" lvl="6" indent="-342900" algn="l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800"/>
              <a:buChar char="–"/>
              <a:defRPr/>
            </a:lvl8pPr>
            <a:lvl9pPr marL="4114800" lvl="8" indent="-342900" algn="l">
              <a:lnSpc>
                <a:spcPct val="100000"/>
              </a:lnSpc>
              <a:spcBef>
                <a:spcPts val="450"/>
              </a:spcBef>
              <a:spcAft>
                <a:spcPts val="45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26" name="Google Shape;26;p39"/>
          <p:cNvSpPr txBox="1">
            <a:spLocks noGrp="1"/>
          </p:cNvSpPr>
          <p:nvPr>
            <p:ph type="body" idx="3"/>
          </p:nvPr>
        </p:nvSpPr>
        <p:spPr>
          <a:xfrm>
            <a:off x="8220077" y="2103438"/>
            <a:ext cx="3529012" cy="40687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Pts val="1800"/>
              <a:buNone/>
              <a:defRPr/>
            </a:lvl1pPr>
            <a:lvl2pPr marL="914400" lvl="1" indent="-228600" algn="l">
              <a:lnSpc>
                <a:spcPct val="100000"/>
              </a:lnSpc>
              <a:spcBef>
                <a:spcPts val="90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2pPr>
            <a:lvl3pPr marL="1371600" lvl="2" indent="-342900" algn="l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800"/>
              <a:buChar char="–"/>
              <a:defRPr/>
            </a:lvl4pPr>
            <a:lvl5pPr marL="2286000" lvl="4" indent="-304800" algn="l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200"/>
              <a:buChar char="•"/>
              <a:defRPr/>
            </a:lvl5pPr>
            <a:lvl6pPr marL="2743200" lvl="5" indent="-342900" algn="l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800"/>
              <a:buChar char="–"/>
              <a:defRPr/>
            </a:lvl6pPr>
            <a:lvl7pPr marL="3200400" lvl="6" indent="-342900" algn="l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800"/>
              <a:buChar char="–"/>
              <a:defRPr/>
            </a:lvl8pPr>
            <a:lvl9pPr marL="4114800" lvl="8" indent="-342900" algn="l">
              <a:lnSpc>
                <a:spcPct val="100000"/>
              </a:lnSpc>
              <a:spcBef>
                <a:spcPts val="450"/>
              </a:spcBef>
              <a:spcAft>
                <a:spcPts val="45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E1C8CAA-D594-D181-2D36-194CC4CCAE48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984296" y="6355080"/>
            <a:ext cx="1764792" cy="137160"/>
          </a:xfrm>
        </p:spPr>
        <p:txBody>
          <a:bodyPr vert="horz" lIns="0" tIns="0" rIns="0" bIns="0" rtlCol="0" anchor="b" anchorCtr="0"/>
          <a:lstStyle>
            <a:lvl1pPr algn="r">
              <a:defRPr lang="da-DK" smtClean="0"/>
            </a:lvl1pPr>
          </a:lstStyle>
          <a:p>
            <a:endParaRPr lang="da-DK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1CBFA6B-9226-3661-817C-9CFF62C31239}"/>
              </a:ext>
            </a:extLst>
          </p:cNvPr>
          <p:cNvSpPr>
            <a:spLocks noGrp="1"/>
          </p:cNvSpPr>
          <p:nvPr>
            <p:ph type="ftr" idx="11"/>
          </p:nvPr>
        </p:nvSpPr>
        <p:spPr>
          <a:xfrm>
            <a:off x="442912" y="6355080"/>
            <a:ext cx="5473701" cy="137160"/>
          </a:xfrm>
        </p:spPr>
        <p:txBody>
          <a:bodyPr vert="horz" lIns="0" tIns="0" rIns="0" bIns="0" rtlCol="0" anchor="b" anchorCtr="0"/>
          <a:lstStyle>
            <a:lvl1pPr algn="l">
              <a:defRPr lang="da-DK"/>
            </a:lvl1pPr>
          </a:lstStyle>
          <a:p>
            <a:r>
              <a:rPr lang="da-DK"/>
              <a:t>Cyber Agenda 2024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AF3468F-683F-E4E9-7ADE-EF0FBD3FB53B}"/>
              </a:ext>
            </a:extLst>
          </p:cNvPr>
          <p:cNvSpPr>
            <a:spLocks noGrp="1"/>
          </p:cNvSpPr>
          <p:nvPr>
            <p:ph type="sldNum" idx="12"/>
          </p:nvPr>
        </p:nvSpPr>
        <p:spPr>
          <a:xfrm>
            <a:off x="9984296" y="6492240"/>
            <a:ext cx="1764792" cy="137160"/>
          </a:xfrm>
        </p:spPr>
        <p:txBody>
          <a:bodyPr vert="horz" lIns="0" tIns="0" rIns="0" bIns="0" rtlCol="0" anchor="b" anchorCtr="0">
            <a:noAutofit/>
          </a:bodyPr>
          <a:lstStyle>
            <a:lvl1pPr algn="r">
              <a:defRPr lang="da-DK" smtClean="0"/>
            </a:lvl1pPr>
          </a:lstStyle>
          <a:p>
            <a:fld id="{827A1E7C-A297-4076-ACA3-BFC14AC378A8}" type="slidenum">
              <a:rPr lang="da-DK" smtClean="0"/>
              <a:pPr/>
              <a:t>‹#›</a:t>
            </a:fld>
            <a:endParaRPr lang="da-DK"/>
          </a:p>
        </p:txBody>
      </p:sp>
    </p:spTree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0/50 split 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0">
            <a:extLst>
              <a:ext uri="{FF2B5EF4-FFF2-40B4-BE49-F238E27FC236}">
                <a16:creationId xmlns:a16="http://schemas.microsoft.com/office/drawing/2014/main" id="{7F27A814-2675-145A-99D2-25B1A1FDE020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-2" y="-3"/>
            <a:ext cx="6096001" cy="6861600"/>
          </a:xfrm>
          <a:solidFill>
            <a:srgbClr val="D7D9DC"/>
          </a:solidFill>
        </p:spPr>
        <p:txBody>
          <a:bodyPr lIns="72000" tIns="72000" rIns="72000" anchor="t" anchorCtr="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Activate the frame go to Templafy -&gt; Photos to select a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1016000" y="1143001"/>
            <a:ext cx="4064000" cy="4571999"/>
          </a:xfrm>
        </p:spPr>
        <p:txBody>
          <a:bodyPr/>
          <a:lstStyle>
            <a:lvl1pPr>
              <a:defRPr sz="2800" spc="-180" baseline="0"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112000" y="1143001"/>
            <a:ext cx="4064000" cy="4571999"/>
          </a:xfrm>
        </p:spPr>
        <p:txBody>
          <a:bodyPr numCol="1" spcCol="0"/>
          <a:lstStyle>
            <a:lvl1pPr>
              <a:defRPr sz="14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400">
                <a:solidFill>
                  <a:schemeClr val="tx1"/>
                </a:solidFill>
              </a:defRPr>
            </a:lvl3pPr>
            <a:lvl4pPr>
              <a:defRPr sz="1400">
                <a:solidFill>
                  <a:schemeClr val="tx1"/>
                </a:solidFill>
              </a:defRPr>
            </a:lvl4pPr>
            <a:lvl5pPr>
              <a:defRPr sz="14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8C9A912-3843-53FA-60CF-D4C875F3C59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0EF7201-F92F-4B08-8CD8-21667D02614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Date_DateCustomA" hidden="1">
            <a:extLst>
              <a:ext uri="{FF2B5EF4-FFF2-40B4-BE49-F238E27FC236}">
                <a16:creationId xmlns:a16="http://schemas.microsoft.com/office/drawing/2014/main" id="{6AA9DA8B-CBA2-1A7A-7B50-DDA2EEA025DF}"/>
              </a:ext>
            </a:extLst>
          </p:cNvPr>
          <p:cNvSpPr>
            <a:spLocks noGrp="1"/>
          </p:cNvSpPr>
          <p:nvPr>
            <p:ph type="dt" sz="half" idx="14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8" name="FLD_PresentationTitle" hidden="1">
            <a:extLst>
              <a:ext uri="{FF2B5EF4-FFF2-40B4-BE49-F238E27FC236}">
                <a16:creationId xmlns:a16="http://schemas.microsoft.com/office/drawing/2014/main" id="{38CE46C6-A82E-9E68-3EA1-4DD1A52444C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</p:spTree>
    <p:extLst>
      <p:ext uri="{BB962C8B-B14F-4D97-AF65-F5344CB8AC3E}">
        <p14:creationId xmlns:p14="http://schemas.microsoft.com/office/powerpoint/2010/main" val="350142343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slow">
    <p:push/>
  </p:transition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0/50 split 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0">
            <a:extLst>
              <a:ext uri="{FF2B5EF4-FFF2-40B4-BE49-F238E27FC236}">
                <a16:creationId xmlns:a16="http://schemas.microsoft.com/office/drawing/2014/main" id="{7F27A814-2675-145A-99D2-25B1A1FDE020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095999" y="-3"/>
            <a:ext cx="6096001" cy="6861600"/>
          </a:xfrm>
          <a:solidFill>
            <a:srgbClr val="D7D9DC"/>
          </a:solidFill>
        </p:spPr>
        <p:txBody>
          <a:bodyPr lIns="72000" tIns="72000" rIns="72000" anchor="t" anchorCtr="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Activate the frame go to Templafy -&gt; Photos to select a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112001" y="1143001"/>
            <a:ext cx="4064000" cy="4571999"/>
          </a:xfrm>
        </p:spPr>
        <p:txBody>
          <a:bodyPr/>
          <a:lstStyle>
            <a:lvl1pPr>
              <a:defRPr sz="2800" spc="-180" baseline="0"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1016000" y="1143001"/>
            <a:ext cx="4064000" cy="4571999"/>
          </a:xfrm>
        </p:spPr>
        <p:txBody>
          <a:bodyPr numCol="1" spcCol="0"/>
          <a:lstStyle>
            <a:lvl1pPr>
              <a:defRPr sz="14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400">
                <a:solidFill>
                  <a:schemeClr val="tx1"/>
                </a:solidFill>
              </a:defRPr>
            </a:lvl3pPr>
            <a:lvl4pPr>
              <a:defRPr sz="1400">
                <a:solidFill>
                  <a:schemeClr val="tx1"/>
                </a:solidFill>
              </a:defRPr>
            </a:lvl4pPr>
            <a:lvl5pPr>
              <a:defRPr sz="14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8C9A912-3843-53FA-60CF-D4C875F3C59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0EF7201-F92F-4B08-8CD8-21667D02614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Date_DateCustomA" hidden="1">
            <a:extLst>
              <a:ext uri="{FF2B5EF4-FFF2-40B4-BE49-F238E27FC236}">
                <a16:creationId xmlns:a16="http://schemas.microsoft.com/office/drawing/2014/main" id="{65D7F899-F1AD-FDE9-96BB-9CFC92DAFE1A}"/>
              </a:ext>
            </a:extLst>
          </p:cNvPr>
          <p:cNvSpPr>
            <a:spLocks noGrp="1"/>
          </p:cNvSpPr>
          <p:nvPr>
            <p:ph type="dt" sz="half" idx="14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6" name="FLD_PresentationTitle" hidden="1">
            <a:extLst>
              <a:ext uri="{FF2B5EF4-FFF2-40B4-BE49-F238E27FC236}">
                <a16:creationId xmlns:a16="http://schemas.microsoft.com/office/drawing/2014/main" id="{BFB7D583-2F21-0EB2-FA04-5FD05A27CE9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</p:spTree>
    <p:extLst>
      <p:ext uri="{BB962C8B-B14F-4D97-AF65-F5344CB8AC3E}">
        <p14:creationId xmlns:p14="http://schemas.microsoft.com/office/powerpoint/2010/main" val="323644435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slow">
    <p:push/>
  </p:transition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0/50 split F">
    <p:bg>
      <p:bgPr>
        <a:solidFill>
          <a:srgbClr val="00266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ckground">
            <a:extLst>
              <a:ext uri="{FF2B5EF4-FFF2-40B4-BE49-F238E27FC236}">
                <a16:creationId xmlns:a16="http://schemas.microsoft.com/office/drawing/2014/main" id="{9769E97D-0F98-CA2D-94CB-04249AB1525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266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4" name="Picture Placeholder 10">
            <a:extLst>
              <a:ext uri="{FF2B5EF4-FFF2-40B4-BE49-F238E27FC236}">
                <a16:creationId xmlns:a16="http://schemas.microsoft.com/office/drawing/2014/main" id="{7F27A814-2675-145A-99D2-25B1A1FDE020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095999" y="-3"/>
            <a:ext cx="6096001" cy="6861600"/>
          </a:xfrm>
          <a:solidFill>
            <a:srgbClr val="D7D9DC"/>
          </a:solidFill>
        </p:spPr>
        <p:txBody>
          <a:bodyPr lIns="72000" tIns="72000" rIns="72000" anchor="t" anchorCtr="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Activate the frame go to Templafy -&gt; Photos to select a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112001" y="1143001"/>
            <a:ext cx="4064000" cy="4571999"/>
          </a:xfrm>
        </p:spPr>
        <p:txBody>
          <a:bodyPr/>
          <a:lstStyle>
            <a:lvl1pPr>
              <a:defRPr sz="2800" spc="-180" baseline="0">
                <a:solidFill>
                  <a:schemeClr val="tx1"/>
                </a:solidFill>
              </a:defRPr>
            </a:lvl1pPr>
          </a:lstStyle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 bwMode="white">
          <a:xfrm>
            <a:off x="1016000" y="1143001"/>
            <a:ext cx="4064000" cy="4571999"/>
          </a:xfrm>
        </p:spPr>
        <p:txBody>
          <a:bodyPr numCol="1" spcCol="0"/>
          <a:lstStyle>
            <a:lvl1pPr>
              <a:defRPr sz="14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400">
                <a:solidFill>
                  <a:schemeClr val="tx1"/>
                </a:solidFill>
              </a:defRPr>
            </a:lvl3pPr>
            <a:lvl4pPr>
              <a:defRPr sz="1400">
                <a:solidFill>
                  <a:schemeClr val="tx1"/>
                </a:solidFill>
              </a:defRPr>
            </a:lvl4pPr>
            <a:lvl5pPr>
              <a:defRPr sz="14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8C9A912-3843-53FA-60CF-D4C875F3C59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0EF7201-F92F-4B08-8CD8-21667D02614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Date_DateCustomA" hidden="1">
            <a:extLst>
              <a:ext uri="{FF2B5EF4-FFF2-40B4-BE49-F238E27FC236}">
                <a16:creationId xmlns:a16="http://schemas.microsoft.com/office/drawing/2014/main" id="{5AE5164C-C20B-8076-6BB7-2C2A39507DF5}"/>
              </a:ext>
            </a:extLst>
          </p:cNvPr>
          <p:cNvSpPr>
            <a:spLocks noGrp="1"/>
          </p:cNvSpPr>
          <p:nvPr>
            <p:ph type="dt" sz="half" idx="14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8" name="FLD_PresentationTitle" hidden="1">
            <a:extLst>
              <a:ext uri="{FF2B5EF4-FFF2-40B4-BE49-F238E27FC236}">
                <a16:creationId xmlns:a16="http://schemas.microsoft.com/office/drawing/2014/main" id="{6C2CA471-A2FD-03B2-DE2D-2C5CF5B50CA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</p:spTree>
    <p:extLst>
      <p:ext uri="{BB962C8B-B14F-4D97-AF65-F5344CB8AC3E}">
        <p14:creationId xmlns:p14="http://schemas.microsoft.com/office/powerpoint/2010/main" val="147810190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push/>
  </p:transition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0/50 split G">
    <p:bg>
      <p:bgPr>
        <a:solidFill>
          <a:srgbClr val="2F313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ckground">
            <a:extLst>
              <a:ext uri="{FF2B5EF4-FFF2-40B4-BE49-F238E27FC236}">
                <a16:creationId xmlns:a16="http://schemas.microsoft.com/office/drawing/2014/main" id="{9769E97D-0F98-CA2D-94CB-04249AB1525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4" name="Picture Placeholder 10">
            <a:extLst>
              <a:ext uri="{FF2B5EF4-FFF2-40B4-BE49-F238E27FC236}">
                <a16:creationId xmlns:a16="http://schemas.microsoft.com/office/drawing/2014/main" id="{7F27A814-2675-145A-99D2-25B1A1FDE020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095999" y="-3"/>
            <a:ext cx="6096001" cy="6861600"/>
          </a:xfrm>
          <a:solidFill>
            <a:srgbClr val="D7D9DC"/>
          </a:solidFill>
        </p:spPr>
        <p:txBody>
          <a:bodyPr lIns="72000" tIns="72000" rIns="72000" anchor="t" anchorCtr="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Activate the frame go to Templafy -&gt; Photos to select a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112001" y="1143001"/>
            <a:ext cx="4064000" cy="4571999"/>
          </a:xfrm>
        </p:spPr>
        <p:txBody>
          <a:bodyPr/>
          <a:lstStyle>
            <a:lvl1pPr>
              <a:defRPr sz="2800" spc="-180" baseline="0">
                <a:solidFill>
                  <a:schemeClr val="tx1"/>
                </a:solidFill>
              </a:defRPr>
            </a:lvl1pPr>
          </a:lstStyle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 bwMode="white">
          <a:xfrm>
            <a:off x="1016000" y="1143001"/>
            <a:ext cx="4064000" cy="4571999"/>
          </a:xfrm>
        </p:spPr>
        <p:txBody>
          <a:bodyPr numCol="1" spcCol="0"/>
          <a:lstStyle>
            <a:lvl1pPr>
              <a:defRPr sz="14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400">
                <a:solidFill>
                  <a:schemeClr val="tx1"/>
                </a:solidFill>
              </a:defRPr>
            </a:lvl3pPr>
            <a:lvl4pPr>
              <a:defRPr sz="1400">
                <a:solidFill>
                  <a:schemeClr val="tx1"/>
                </a:solidFill>
              </a:defRPr>
            </a:lvl4pPr>
            <a:lvl5pPr>
              <a:defRPr sz="14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8C9A912-3843-53FA-60CF-D4C875F3C59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0EF7201-F92F-4B08-8CD8-21667D02614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Date_DateCustomA" hidden="1">
            <a:extLst>
              <a:ext uri="{FF2B5EF4-FFF2-40B4-BE49-F238E27FC236}">
                <a16:creationId xmlns:a16="http://schemas.microsoft.com/office/drawing/2014/main" id="{663ED12B-D4FE-23D3-22A8-EE584DBE806E}"/>
              </a:ext>
            </a:extLst>
          </p:cNvPr>
          <p:cNvSpPr>
            <a:spLocks noGrp="1"/>
          </p:cNvSpPr>
          <p:nvPr>
            <p:ph type="dt" sz="half" idx="14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8" name="FLD_PresentationTitle" hidden="1">
            <a:extLst>
              <a:ext uri="{FF2B5EF4-FFF2-40B4-BE49-F238E27FC236}">
                <a16:creationId xmlns:a16="http://schemas.microsoft.com/office/drawing/2014/main" id="{84F7E3A9-7C1E-AB7B-38AC-7342990198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</p:spTree>
    <p:extLst>
      <p:ext uri="{BB962C8B-B14F-4D97-AF65-F5344CB8AC3E}">
        <p14:creationId xmlns:p14="http://schemas.microsoft.com/office/powerpoint/2010/main" val="321570391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push/>
  </p:transition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0/50. Two columns.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0">
            <a:extLst>
              <a:ext uri="{FF2B5EF4-FFF2-40B4-BE49-F238E27FC236}">
                <a16:creationId xmlns:a16="http://schemas.microsoft.com/office/drawing/2014/main" id="{7F27A814-2675-145A-99D2-25B1A1FDE020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095999" y="-3"/>
            <a:ext cx="6096001" cy="6861600"/>
          </a:xfrm>
          <a:solidFill>
            <a:srgbClr val="D7D9DC"/>
          </a:solidFill>
        </p:spPr>
        <p:txBody>
          <a:bodyPr lIns="72000" tIns="72000" rIns="72000" anchor="t" anchorCtr="0"/>
          <a:lstStyle>
            <a:lvl1pPr marL="0" indent="0" algn="ctr"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Activate the frame go to Templafy -&gt; Photos to select a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1016001" y="571500"/>
            <a:ext cx="4064000" cy="876298"/>
          </a:xfrm>
        </p:spPr>
        <p:txBody>
          <a:bodyPr/>
          <a:lstStyle>
            <a:lvl1pPr>
              <a:defRPr sz="2800" spc="-180" baseline="0">
                <a:solidFill>
                  <a:schemeClr val="tx1"/>
                </a:solidFill>
              </a:defRPr>
            </a:lvl1pPr>
          </a:lstStyle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1016000" y="2286000"/>
            <a:ext cx="1879600" cy="3429000"/>
          </a:xfrm>
        </p:spPr>
        <p:txBody>
          <a:bodyPr numCol="1" spcCol="0"/>
          <a:lstStyle>
            <a:lvl1pPr>
              <a:defRPr sz="14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400">
                <a:solidFill>
                  <a:schemeClr val="tx1"/>
                </a:solidFill>
              </a:defRPr>
            </a:lvl3pPr>
            <a:lvl4pPr>
              <a:defRPr sz="1400">
                <a:solidFill>
                  <a:schemeClr val="tx1"/>
                </a:solidFill>
              </a:defRPr>
            </a:lvl4pPr>
            <a:lvl5pPr>
              <a:defRPr sz="14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8C9A912-3843-53FA-60CF-D4C875F3C59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 bwMode="white"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D0EF7201-F92F-4B08-8CD8-21667D02614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91CB7469-3391-9372-6F59-350B413CD38A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200401" y="2285999"/>
            <a:ext cx="1879600" cy="342900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Date_DateCustomA" hidden="1">
            <a:extLst>
              <a:ext uri="{FF2B5EF4-FFF2-40B4-BE49-F238E27FC236}">
                <a16:creationId xmlns:a16="http://schemas.microsoft.com/office/drawing/2014/main" id="{063BE6C7-9EA1-6AB0-95F6-C3B6001BD101}"/>
              </a:ext>
            </a:extLst>
          </p:cNvPr>
          <p:cNvSpPr>
            <a:spLocks noGrp="1"/>
          </p:cNvSpPr>
          <p:nvPr>
            <p:ph type="dt" sz="half" idx="14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10" name="FLD_PresentationTitle" hidden="1">
            <a:extLst>
              <a:ext uri="{FF2B5EF4-FFF2-40B4-BE49-F238E27FC236}">
                <a16:creationId xmlns:a16="http://schemas.microsoft.com/office/drawing/2014/main" id="{3D120C54-5141-63EA-06B0-3A3EEE832F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</p:spTree>
    <p:extLst>
      <p:ext uri="{BB962C8B-B14F-4D97-AF65-F5344CB8AC3E}">
        <p14:creationId xmlns:p14="http://schemas.microsoft.com/office/powerpoint/2010/main" val="173357977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slow">
    <p:push/>
  </p:transition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/4 split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0">
            <a:extLst>
              <a:ext uri="{FF2B5EF4-FFF2-40B4-BE49-F238E27FC236}">
                <a16:creationId xmlns:a16="http://schemas.microsoft.com/office/drawing/2014/main" id="{7F27A814-2675-145A-99D2-25B1A1FDE020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-2" y="-3"/>
            <a:ext cx="8128002" cy="6861600"/>
          </a:xfrm>
          <a:solidFill>
            <a:srgbClr val="D7D9DC"/>
          </a:solidFill>
        </p:spPr>
        <p:txBody>
          <a:bodyPr lIns="72000" tIns="72000" rIns="72000" anchor="t" anchorCtr="0"/>
          <a:lstStyle>
            <a:lvl1pPr marL="0" indent="0" algn="ctr"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Activate the frame go to Templafy -&gt; Photos to select a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1016000" y="1143001"/>
            <a:ext cx="6096000" cy="1142999"/>
          </a:xfrm>
        </p:spPr>
        <p:txBody>
          <a:bodyPr/>
          <a:lstStyle>
            <a:lvl1pPr>
              <a:defRPr sz="2800" spc="-180" baseline="0"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144000" y="1143001"/>
            <a:ext cx="2032000" cy="4571999"/>
          </a:xfrm>
        </p:spPr>
        <p:txBody>
          <a:bodyPr numCol="1" spcCol="0"/>
          <a:lstStyle>
            <a:lvl1pPr>
              <a:defRPr sz="14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400">
                <a:solidFill>
                  <a:schemeClr val="tx1"/>
                </a:solidFill>
              </a:defRPr>
            </a:lvl3pPr>
            <a:lvl4pPr>
              <a:defRPr sz="1400">
                <a:solidFill>
                  <a:schemeClr val="tx1"/>
                </a:solidFill>
              </a:defRPr>
            </a:lvl4pPr>
            <a:lvl5pPr>
              <a:defRPr sz="14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8C9A912-3843-53FA-60CF-D4C875F3C59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0EF7201-F92F-4B08-8CD8-21667D02614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Date_DateCustomA" hidden="1">
            <a:extLst>
              <a:ext uri="{FF2B5EF4-FFF2-40B4-BE49-F238E27FC236}">
                <a16:creationId xmlns:a16="http://schemas.microsoft.com/office/drawing/2014/main" id="{ABBB9E5C-2A23-1E64-A74E-B72955851CD6}"/>
              </a:ext>
            </a:extLst>
          </p:cNvPr>
          <p:cNvSpPr>
            <a:spLocks noGrp="1"/>
          </p:cNvSpPr>
          <p:nvPr>
            <p:ph type="dt" sz="half" idx="14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6" name="FLD_PresentationTitle" hidden="1">
            <a:extLst>
              <a:ext uri="{FF2B5EF4-FFF2-40B4-BE49-F238E27FC236}">
                <a16:creationId xmlns:a16="http://schemas.microsoft.com/office/drawing/2014/main" id="{F95729FB-88F6-08B1-C189-5A2EFA3A51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</p:spTree>
    <p:extLst>
      <p:ext uri="{BB962C8B-B14F-4D97-AF65-F5344CB8AC3E}">
        <p14:creationId xmlns:p14="http://schemas.microsoft.com/office/powerpoint/2010/main" val="244845725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slow">
    <p:push/>
  </p:transition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/8 split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0">
            <a:extLst>
              <a:ext uri="{FF2B5EF4-FFF2-40B4-BE49-F238E27FC236}">
                <a16:creationId xmlns:a16="http://schemas.microsoft.com/office/drawing/2014/main" id="{7F27A814-2675-145A-99D2-25B1A1FDE020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4063998" y="-3"/>
            <a:ext cx="8128002" cy="6861600"/>
          </a:xfrm>
          <a:solidFill>
            <a:srgbClr val="D7D9DC"/>
          </a:solidFill>
        </p:spPr>
        <p:txBody>
          <a:bodyPr lIns="72000" tIns="72000" rIns="72000" anchor="t" anchorCtr="0"/>
          <a:lstStyle>
            <a:lvl1pPr marL="0" indent="0" algn="ctr"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Activate the frame go to Templafy -&gt; Photos to select a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5080000" y="1143001"/>
            <a:ext cx="6096000" cy="1142999"/>
          </a:xfrm>
        </p:spPr>
        <p:txBody>
          <a:bodyPr/>
          <a:lstStyle>
            <a:lvl1pPr>
              <a:defRPr sz="2800" spc="-180" baseline="0"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1015998" y="1143001"/>
            <a:ext cx="2032000" cy="4571999"/>
          </a:xfrm>
        </p:spPr>
        <p:txBody>
          <a:bodyPr numCol="1" spcCol="0"/>
          <a:lstStyle>
            <a:lvl1pPr>
              <a:defRPr sz="14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400">
                <a:solidFill>
                  <a:schemeClr val="tx1"/>
                </a:solidFill>
              </a:defRPr>
            </a:lvl3pPr>
            <a:lvl4pPr>
              <a:defRPr sz="1400">
                <a:solidFill>
                  <a:schemeClr val="tx1"/>
                </a:solidFill>
              </a:defRPr>
            </a:lvl4pPr>
            <a:lvl5pPr>
              <a:defRPr sz="14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noProof="0" dirty="0"/>
              <a:t>Click to add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8C9A912-3843-53FA-60CF-D4C875F3C59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0EF7201-F92F-4B08-8CD8-21667D02614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Date_DateCustomA" hidden="1">
            <a:extLst>
              <a:ext uri="{FF2B5EF4-FFF2-40B4-BE49-F238E27FC236}">
                <a16:creationId xmlns:a16="http://schemas.microsoft.com/office/drawing/2014/main" id="{D561AFBC-E08F-3499-6AE8-256B43500740}"/>
              </a:ext>
            </a:extLst>
          </p:cNvPr>
          <p:cNvSpPr>
            <a:spLocks noGrp="1"/>
          </p:cNvSpPr>
          <p:nvPr>
            <p:ph type="dt" sz="half" idx="14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6" name="FLD_PresentationTitle" hidden="1">
            <a:extLst>
              <a:ext uri="{FF2B5EF4-FFF2-40B4-BE49-F238E27FC236}">
                <a16:creationId xmlns:a16="http://schemas.microsoft.com/office/drawing/2014/main" id="{D5BB4934-9905-0D7D-50F4-2251ADE46DB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</p:spTree>
    <p:extLst>
      <p:ext uri="{BB962C8B-B14F-4D97-AF65-F5344CB8AC3E}">
        <p14:creationId xmlns:p14="http://schemas.microsoft.com/office/powerpoint/2010/main" val="79269210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slow">
    <p:push/>
  </p:transition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1016000" y="576028"/>
            <a:ext cx="10160000" cy="1143000"/>
          </a:xfrm>
        </p:spPr>
        <p:txBody>
          <a:bodyPr/>
          <a:lstStyle>
            <a:lvl1pPr>
              <a:defRPr sz="2800"/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F2B62B57-F7D0-7C36-6044-62FDC457614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0EF7201-F92F-4B08-8CD8-21667D02614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" name="Date_DateCustomA" hidden="1">
            <a:extLst>
              <a:ext uri="{FF2B5EF4-FFF2-40B4-BE49-F238E27FC236}">
                <a16:creationId xmlns:a16="http://schemas.microsoft.com/office/drawing/2014/main" id="{2048695F-88C6-DAFA-B639-00FE048D4455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5" name="FLD_PresentationTitle" hidden="1">
            <a:extLst>
              <a:ext uri="{FF2B5EF4-FFF2-40B4-BE49-F238E27FC236}">
                <a16:creationId xmlns:a16="http://schemas.microsoft.com/office/drawing/2014/main" id="{1D96DCB0-A4AB-5D3D-81C1-E5976425A099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</p:spTree>
    <p:extLst>
      <p:ext uri="{BB962C8B-B14F-4D97-AF65-F5344CB8AC3E}">
        <p14:creationId xmlns:p14="http://schemas.microsoft.com/office/powerpoint/2010/main" val="827414391"/>
      </p:ext>
    </p:extLst>
  </p:cSld>
  <p:clrMapOvr>
    <a:masterClrMapping/>
  </p:clrMapOvr>
  <p:transition spd="slow">
    <p:push/>
  </p:transition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,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1016000" y="571501"/>
            <a:ext cx="10160000" cy="571500"/>
          </a:xfrm>
        </p:spPr>
        <p:txBody>
          <a:bodyPr/>
          <a:lstStyle>
            <a:lvl1pPr>
              <a:defRPr sz="2800"/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F2B62B57-F7D0-7C36-6044-62FDC457614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0EF7201-F92F-4B08-8CD8-21667D02614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" name="Date_DateCustomA" hidden="1">
            <a:extLst>
              <a:ext uri="{FF2B5EF4-FFF2-40B4-BE49-F238E27FC236}">
                <a16:creationId xmlns:a16="http://schemas.microsoft.com/office/drawing/2014/main" id="{2048695F-88C6-DAFA-B639-00FE048D4455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5" name="FLD_PresentationTitle" hidden="1">
            <a:extLst>
              <a:ext uri="{FF2B5EF4-FFF2-40B4-BE49-F238E27FC236}">
                <a16:creationId xmlns:a16="http://schemas.microsoft.com/office/drawing/2014/main" id="{1D96DCB0-A4AB-5D3D-81C1-E5976425A099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ABCE81F6-2803-88E2-0818-EC814065FC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016000" y="1143001"/>
            <a:ext cx="10160000" cy="571500"/>
          </a:xfrm>
        </p:spPr>
        <p:txBody>
          <a:bodyPr/>
          <a:lstStyle>
            <a:lvl1pPr marL="0" indent="0">
              <a:buNone/>
              <a:defRPr sz="2000"/>
            </a:lvl1pPr>
            <a:lvl2pPr marL="90000" indent="0">
              <a:buNone/>
              <a:defRPr/>
            </a:lvl2pPr>
            <a:lvl3pPr marL="180000" indent="0"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 dirty="0"/>
              <a:t>Click to add sub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10387877"/>
      </p:ext>
    </p:extLst>
  </p:cSld>
  <p:clrMapOvr>
    <a:masterClrMapping/>
  </p:clrMapOvr>
  <p:transition spd="slow">
    <p:push/>
  </p:transition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_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F2B62B57-F7D0-7C36-6044-62FDC457614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0EF7201-F92F-4B08-8CD8-21667D02614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" name="Date_DateCustomA" hidden="1">
            <a:extLst>
              <a:ext uri="{FF2B5EF4-FFF2-40B4-BE49-F238E27FC236}">
                <a16:creationId xmlns:a16="http://schemas.microsoft.com/office/drawing/2014/main" id="{2048695F-88C6-DAFA-B639-00FE048D4455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5" name="FLD_PresentationTitle" hidden="1">
            <a:extLst>
              <a:ext uri="{FF2B5EF4-FFF2-40B4-BE49-F238E27FC236}">
                <a16:creationId xmlns:a16="http://schemas.microsoft.com/office/drawing/2014/main" id="{1D96DCB0-A4AB-5D3D-81C1-E5976425A099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</p:spTree>
    <p:extLst>
      <p:ext uri="{BB962C8B-B14F-4D97-AF65-F5344CB8AC3E}">
        <p14:creationId xmlns:p14="http://schemas.microsoft.com/office/powerpoint/2010/main" val="3559687257"/>
      </p:ext>
    </p:extLst>
  </p:cSld>
  <p:clrMapOvr>
    <a:masterClrMapping/>
  </p:clrMapOvr>
  <p:transition spd="slow">
    <p:push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matchingName="Title Slide Lines 2">
  <p:cSld name="Title Slide Lines 2">
    <p:bg>
      <p:bgPr>
        <a:solidFill>
          <a:srgbClr val="DEDEDE"/>
        </a:solidFill>
        <a:effectLst/>
      </p:bgPr>
    </p:bg>
    <p:spTree>
      <p:nvGrpSpPr>
        <p:cNvPr id="1" name="Shape 2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Google Shape;30;p40"/>
          <p:cNvSpPr>
            <a:spLocks noGrp="1"/>
          </p:cNvSpPr>
          <p:nvPr>
            <p:ph type="pic" idx="2"/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DEDEDE"/>
          </a:solidFill>
          <a:ln>
            <a:noFill/>
          </a:ln>
        </p:spPr>
      </p:sp>
      <p:grpSp>
        <p:nvGrpSpPr>
          <p:cNvPr id="31" name="Google Shape;31;p40"/>
          <p:cNvGrpSpPr/>
          <p:nvPr/>
        </p:nvGrpSpPr>
        <p:grpSpPr>
          <a:xfrm>
            <a:off x="0" y="0"/>
            <a:ext cx="12192000" cy="6858000"/>
            <a:chOff x="0" y="0"/>
            <a:chExt cx="12192000" cy="6858000"/>
          </a:xfrm>
        </p:grpSpPr>
        <p:sp>
          <p:nvSpPr>
            <p:cNvPr id="32" name="Google Shape;32;p40"/>
            <p:cNvSpPr/>
            <p:nvPr/>
          </p:nvSpPr>
          <p:spPr>
            <a:xfrm>
              <a:off x="0" y="0"/>
              <a:ext cx="12192000" cy="6858000"/>
            </a:xfrm>
            <a:custGeom>
              <a:avLst/>
              <a:gdLst/>
              <a:ahLst/>
              <a:cxnLst/>
              <a:rect l="l" t="t" r="r" b="b"/>
              <a:pathLst>
                <a:path w="12192000" h="6858000" extrusionOk="0">
                  <a:moveTo>
                    <a:pt x="9144000" y="0"/>
                  </a:moveTo>
                  <a:lnTo>
                    <a:pt x="9450000" y="0"/>
                  </a:lnTo>
                  <a:lnTo>
                    <a:pt x="9450000" y="3309692"/>
                  </a:lnTo>
                  <a:lnTo>
                    <a:pt x="12192000" y="3309692"/>
                  </a:lnTo>
                  <a:lnTo>
                    <a:pt x="12192000" y="3615692"/>
                  </a:lnTo>
                  <a:lnTo>
                    <a:pt x="9450000" y="3615692"/>
                  </a:lnTo>
                  <a:lnTo>
                    <a:pt x="9450000" y="4394836"/>
                  </a:lnTo>
                  <a:lnTo>
                    <a:pt x="12192000" y="4394836"/>
                  </a:lnTo>
                  <a:lnTo>
                    <a:pt x="12192000" y="4700836"/>
                  </a:lnTo>
                  <a:lnTo>
                    <a:pt x="9450000" y="4700836"/>
                  </a:lnTo>
                  <a:lnTo>
                    <a:pt x="9450000" y="6858000"/>
                  </a:lnTo>
                  <a:lnTo>
                    <a:pt x="9144000" y="6858000"/>
                  </a:lnTo>
                  <a:lnTo>
                    <a:pt x="9144000" y="4700836"/>
                  </a:lnTo>
                  <a:lnTo>
                    <a:pt x="0" y="4700836"/>
                  </a:lnTo>
                  <a:lnTo>
                    <a:pt x="0" y="4394836"/>
                  </a:lnTo>
                  <a:lnTo>
                    <a:pt x="9144000" y="4394836"/>
                  </a:lnTo>
                  <a:lnTo>
                    <a:pt x="9144000" y="3615692"/>
                  </a:lnTo>
                  <a:lnTo>
                    <a:pt x="0" y="3615692"/>
                  </a:lnTo>
                  <a:lnTo>
                    <a:pt x="0" y="3309692"/>
                  </a:lnTo>
                  <a:lnTo>
                    <a:pt x="9144000" y="3309692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350"/>
                <a:buFont typeface="Arial"/>
                <a:buNone/>
              </a:pPr>
              <a:endParaRPr sz="1350" b="0" i="0" u="none" strike="noStrike" cap="none">
                <a:solidFill>
                  <a:schemeClr val="lt1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pic>
          <p:nvPicPr>
            <p:cNvPr id="33" name="Google Shape;33;p40"/>
            <p:cNvPicPr preferRelativeResize="0"/>
            <p:nvPr/>
          </p:nvPicPr>
          <p:blipFill rotWithShape="1">
            <a:blip r:embed="rId2">
              <a:alphaModFix/>
            </a:blip>
            <a:srcRect/>
            <a:stretch/>
          </p:blipFill>
          <p:spPr>
            <a:xfrm>
              <a:off x="185139" y="5330952"/>
              <a:ext cx="1636776" cy="1351185"/>
            </a:xfrm>
            <a:prstGeom prst="rect">
              <a:avLst/>
            </a:prstGeom>
            <a:noFill/>
            <a:ln>
              <a:noFill/>
            </a:ln>
          </p:spPr>
        </p:pic>
      </p:grpSp>
      <p:sp>
        <p:nvSpPr>
          <p:cNvPr id="34" name="Google Shape;34;p40"/>
          <p:cNvSpPr txBox="1">
            <a:spLocks noGrp="1"/>
          </p:cNvSpPr>
          <p:nvPr>
            <p:ph type="subTitle" idx="1"/>
          </p:nvPr>
        </p:nvSpPr>
        <p:spPr>
          <a:xfrm>
            <a:off x="442914" y="3713609"/>
            <a:ext cx="5473700" cy="59422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 b="0">
                <a:solidFill>
                  <a:schemeClr val="dk1"/>
                </a:solidFill>
              </a:defRPr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9pPr>
          </a:lstStyle>
          <a:p>
            <a:endParaRPr/>
          </a:p>
        </p:txBody>
      </p:sp>
      <p:sp>
        <p:nvSpPr>
          <p:cNvPr id="35" name="Google Shape;35;p40"/>
          <p:cNvSpPr txBox="1">
            <a:spLocks noGrp="1"/>
          </p:cNvSpPr>
          <p:nvPr>
            <p:ph type="ctrTitle"/>
          </p:nvPr>
        </p:nvSpPr>
        <p:spPr>
          <a:xfrm>
            <a:off x="442913" y="428626"/>
            <a:ext cx="7418387" cy="188439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normAutofit/>
          </a:bodyPr>
          <a:lstStyle>
            <a:lvl1pPr lvl="0" algn="l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375"/>
              <a:buFont typeface="Georgia"/>
              <a:buNone/>
              <a:defRPr sz="3375">
                <a:solidFill>
                  <a:schemeClr val="dk1"/>
                </a:solidFill>
              </a:defRPr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n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>
            <a:extLst>
              <a:ext uri="{FF2B5EF4-FFF2-40B4-BE49-F238E27FC236}">
                <a16:creationId xmlns:a16="http://schemas.microsoft.com/office/drawing/2014/main" id="{B228394F-BE7A-2262-4AF9-4B90EED71CE4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266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3F80D60D-99C4-B113-7F45-A84A277E86B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135948" y="2864656"/>
            <a:ext cx="1920104" cy="568219"/>
          </a:xfrm>
          <a:prstGeom prst="rect">
            <a:avLst/>
          </a:prstGeom>
        </p:spPr>
      </p:pic>
      <p:pic>
        <p:nvPicPr>
          <p:cNvPr id="9" name="GlobalTransport&amp;Logistics.png" descr="GlobalTransport&amp;Logistics.png">
            <a:extLst>
              <a:ext uri="{FF2B5EF4-FFF2-40B4-BE49-F238E27FC236}">
                <a16:creationId xmlns:a16="http://schemas.microsoft.com/office/drawing/2014/main" id="{1E80411F-D96A-1733-4CC2-A023EFCD1A0A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074515" y="3980941"/>
            <a:ext cx="4042971" cy="349488"/>
          </a:xfrm>
          <a:prstGeom prst="rect">
            <a:avLst/>
          </a:prstGeom>
          <a:ln w="12700">
            <a:miter lim="400000"/>
          </a:ln>
        </p:spPr>
      </p:pic>
      <p:sp>
        <p:nvSpPr>
          <p:cNvPr id="5" name="Slide Number Placeholder 2" hidden="1">
            <a:extLst>
              <a:ext uri="{FF2B5EF4-FFF2-40B4-BE49-F238E27FC236}">
                <a16:creationId xmlns:a16="http://schemas.microsoft.com/office/drawing/2014/main" id="{5681F9E3-16E7-1875-E3BC-602B9846CA68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D0EF7201-F92F-4B08-8CD8-21667D02614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0" name="Date_DateCustomA" hidden="1">
            <a:extLst>
              <a:ext uri="{FF2B5EF4-FFF2-40B4-BE49-F238E27FC236}">
                <a16:creationId xmlns:a16="http://schemas.microsoft.com/office/drawing/2014/main" id="{E805FD9B-473D-902D-E033-2D4D9995A952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11" name="FLD_PresentationTitle" hidden="1">
            <a:extLst>
              <a:ext uri="{FF2B5EF4-FFF2-40B4-BE49-F238E27FC236}">
                <a16:creationId xmlns:a16="http://schemas.microsoft.com/office/drawing/2014/main" id="{71BDDE09-C5FF-5BF0-2014-6703726DDB61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</p:spTree>
    <p:extLst>
      <p:ext uri="{BB962C8B-B14F-4D97-AF65-F5344CB8AC3E}">
        <p14:creationId xmlns:p14="http://schemas.microsoft.com/office/powerpoint/2010/main" val="2078572535"/>
      </p:ext>
    </p:extLst>
  </p:cSld>
  <p:clrMapOvr>
    <a:masterClrMapping/>
  </p:clrMapOvr>
  <p:transition spd="slow">
    <p:push/>
  </p:transition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3">
            <a:extLst>
              <a:ext uri="{FF2B5EF4-FFF2-40B4-BE49-F238E27FC236}">
                <a16:creationId xmlns:a16="http://schemas.microsoft.com/office/drawing/2014/main" id="{6544B24D-C639-700F-B730-B477473093D3}"/>
              </a:ext>
            </a:extLst>
          </p:cNvPr>
          <p:cNvSpPr txBox="1"/>
          <p:nvPr userDrawn="1"/>
        </p:nvSpPr>
        <p:spPr>
          <a:xfrm>
            <a:off x="4467579" y="1608016"/>
            <a:ext cx="2642834" cy="4216539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0" tIns="0" rIns="0" bIns="0">
            <a:spAutoFit/>
          </a:bodyPr>
          <a:lstStyle/>
          <a:p>
            <a:pPr>
              <a:spcBef>
                <a:spcPts val="1200"/>
              </a:spcBef>
              <a:defRPr sz="3200"/>
            </a:pPr>
            <a:r>
              <a:rPr lang="en-US" sz="1600" dirty="0"/>
              <a:t>PICTURES</a:t>
            </a:r>
            <a:br>
              <a:rPr lang="en-US" sz="1600" dirty="0"/>
            </a:br>
            <a:r>
              <a:rPr lang="en-US" sz="900" b="1" dirty="0"/>
              <a:t>Insert corporate picture from Templafy</a:t>
            </a:r>
            <a:endParaRPr lang="en-US" sz="900" dirty="0"/>
          </a:p>
          <a:p>
            <a:pPr>
              <a:spcBef>
                <a:spcPts val="600"/>
              </a:spcBef>
              <a:defRPr sz="1800" b="1"/>
            </a:pPr>
            <a:r>
              <a:rPr lang="en-US" sz="900" dirty="0"/>
              <a:t>1.</a:t>
            </a:r>
            <a:r>
              <a:rPr lang="en-US" sz="900" b="0" dirty="0"/>
              <a:t> Click the blue </a:t>
            </a:r>
            <a:r>
              <a:rPr lang="en-US" sz="900" dirty="0"/>
              <a:t>Templafy </a:t>
            </a:r>
            <a:r>
              <a:rPr lang="en-US" sz="900" b="0" dirty="0"/>
              <a:t>button</a:t>
            </a:r>
          </a:p>
          <a:p>
            <a:pPr>
              <a:spcBef>
                <a:spcPts val="600"/>
              </a:spcBef>
              <a:defRPr sz="1800" b="1"/>
            </a:pPr>
            <a:r>
              <a:rPr lang="en-US" sz="900" dirty="0"/>
              <a:t>2. </a:t>
            </a:r>
            <a:r>
              <a:rPr lang="en-US" sz="900" b="0" dirty="0"/>
              <a:t>In the dropdown, click the </a:t>
            </a:r>
            <a:r>
              <a:rPr lang="en-US" sz="900" dirty="0"/>
              <a:t>Photos </a:t>
            </a:r>
            <a:r>
              <a:rPr lang="en-US" sz="900" b="0" dirty="0"/>
              <a:t>button in the Templafy pane on the right side of the screen</a:t>
            </a:r>
          </a:p>
          <a:p>
            <a:pPr>
              <a:spcBef>
                <a:spcPts val="600"/>
              </a:spcBef>
              <a:defRPr sz="1800" b="1"/>
            </a:pPr>
            <a:r>
              <a:rPr lang="en-US" sz="900" dirty="0"/>
              <a:t>3. </a:t>
            </a:r>
            <a:r>
              <a:rPr lang="en-US" sz="900" b="0" dirty="0"/>
              <a:t>Find your image and click in once to insert</a:t>
            </a:r>
          </a:p>
          <a:p>
            <a:pPr>
              <a:spcBef>
                <a:spcPts val="600"/>
              </a:spcBef>
              <a:defRPr sz="1800"/>
            </a:pPr>
            <a:endParaRPr lang="en-US" sz="900" b="0" dirty="0"/>
          </a:p>
          <a:p>
            <a:pPr>
              <a:spcBef>
                <a:spcPts val="600"/>
              </a:spcBef>
              <a:defRPr sz="1800"/>
            </a:pPr>
            <a:endParaRPr lang="en-US" sz="900" b="0" dirty="0"/>
          </a:p>
          <a:p>
            <a:pPr>
              <a:spcBef>
                <a:spcPts val="600"/>
              </a:spcBef>
              <a:defRPr sz="1800"/>
            </a:pPr>
            <a:endParaRPr lang="en-US" sz="900" b="0" dirty="0"/>
          </a:p>
          <a:p>
            <a:pPr>
              <a:spcBef>
                <a:spcPts val="600"/>
              </a:spcBef>
              <a:defRPr sz="1800" b="1"/>
            </a:pPr>
            <a:r>
              <a:rPr lang="en-US" sz="900" dirty="0"/>
              <a:t>Hint: </a:t>
            </a:r>
            <a:r>
              <a:rPr lang="en-US" sz="900" b="0" dirty="0"/>
              <a:t>You can search for images in the search field.</a:t>
            </a:r>
          </a:p>
          <a:p>
            <a:pPr>
              <a:spcBef>
                <a:spcPts val="600"/>
              </a:spcBef>
              <a:defRPr sz="1800"/>
            </a:pPr>
            <a:endParaRPr lang="en-US" sz="900" b="0" dirty="0"/>
          </a:p>
          <a:p>
            <a:pPr>
              <a:spcBef>
                <a:spcPts val="600"/>
              </a:spcBef>
              <a:defRPr sz="1800" b="1"/>
            </a:pPr>
            <a:r>
              <a:rPr lang="en-US" sz="900" dirty="0"/>
              <a:t>Crop picture</a:t>
            </a:r>
          </a:p>
          <a:p>
            <a:pPr>
              <a:spcBef>
                <a:spcPts val="600"/>
              </a:spcBef>
              <a:defRPr sz="1800" b="1"/>
            </a:pPr>
            <a:r>
              <a:rPr lang="en-US" sz="900" dirty="0"/>
              <a:t>1. </a:t>
            </a:r>
            <a:r>
              <a:rPr lang="en-US" sz="900" b="0" dirty="0"/>
              <a:t>Click </a:t>
            </a:r>
            <a:r>
              <a:rPr lang="en-US" sz="900" dirty="0"/>
              <a:t>Crop</a:t>
            </a:r>
            <a:r>
              <a:rPr lang="en-US" sz="900" b="0" dirty="0"/>
              <a:t> to change size or </a:t>
            </a:r>
            <a:br>
              <a:rPr lang="en-US" sz="900" b="0" dirty="0"/>
            </a:br>
            <a:r>
              <a:rPr lang="en-US" sz="900" b="0" dirty="0"/>
              <a:t>focus of the picture</a:t>
            </a:r>
          </a:p>
          <a:p>
            <a:pPr>
              <a:spcBef>
                <a:spcPts val="600"/>
              </a:spcBef>
              <a:defRPr sz="1800" b="1"/>
            </a:pPr>
            <a:r>
              <a:rPr lang="en-US" sz="900" dirty="0"/>
              <a:t>2. </a:t>
            </a:r>
            <a:r>
              <a:rPr lang="en-US" sz="900" b="0" dirty="0"/>
              <a:t>If you want to scale the picture, </a:t>
            </a:r>
            <a:br>
              <a:rPr lang="en-US" sz="900" b="0" dirty="0"/>
            </a:br>
            <a:r>
              <a:rPr lang="en-US" sz="900" b="0" dirty="0"/>
              <a:t>hold </a:t>
            </a:r>
            <a:r>
              <a:rPr lang="en-US" sz="900" dirty="0"/>
              <a:t>SHIFT</a:t>
            </a:r>
            <a:r>
              <a:rPr lang="en-US" sz="900" b="0" dirty="0"/>
              <a:t>-key down while </a:t>
            </a:r>
            <a:br>
              <a:rPr lang="en-US" sz="900" b="0" dirty="0"/>
            </a:br>
            <a:r>
              <a:rPr lang="en-US" sz="900" b="0" dirty="0"/>
              <a:t>dragging the corners of the picture</a:t>
            </a:r>
            <a:br>
              <a:rPr lang="en-US" sz="900" b="0" dirty="0"/>
            </a:br>
            <a:endParaRPr lang="en-US" sz="900" b="0" dirty="0"/>
          </a:p>
          <a:p>
            <a:pPr>
              <a:spcBef>
                <a:spcPts val="600"/>
              </a:spcBef>
              <a:defRPr sz="1800" b="1"/>
            </a:pPr>
            <a:r>
              <a:rPr lang="en-US" sz="900" dirty="0"/>
              <a:t>HINT: </a:t>
            </a:r>
            <a:r>
              <a:rPr lang="en-US" sz="900" b="0" dirty="0"/>
              <a:t>If you delete the picture and </a:t>
            </a:r>
            <a:br>
              <a:rPr lang="en-US" sz="900" b="0" dirty="0"/>
            </a:br>
            <a:r>
              <a:rPr lang="en-US" sz="900" b="0" dirty="0"/>
              <a:t>insert a new one, the picture may </a:t>
            </a:r>
            <a:br>
              <a:rPr lang="en-US" sz="900" b="0" dirty="0"/>
            </a:br>
            <a:r>
              <a:rPr lang="en-US" sz="900" b="0" dirty="0"/>
              <a:t>lie in front of the text or graphic.</a:t>
            </a:r>
            <a:br>
              <a:rPr lang="en-US" sz="900" b="0" dirty="0"/>
            </a:br>
            <a:r>
              <a:rPr lang="en-US" sz="900" b="0" dirty="0"/>
              <a:t>If this happens, select the picture, </a:t>
            </a:r>
            <a:br>
              <a:rPr lang="en-US" sz="900" b="0" dirty="0"/>
            </a:br>
            <a:r>
              <a:rPr lang="en-US" sz="900" b="0" dirty="0"/>
              <a:t>right-click and choose </a:t>
            </a:r>
            <a:r>
              <a:rPr lang="en-US" sz="900" dirty="0"/>
              <a:t>Send to Back</a:t>
            </a:r>
          </a:p>
        </p:txBody>
      </p:sp>
      <p:grpSp>
        <p:nvGrpSpPr>
          <p:cNvPr id="4" name="Gruppe 25">
            <a:extLst>
              <a:ext uri="{FF2B5EF4-FFF2-40B4-BE49-F238E27FC236}">
                <a16:creationId xmlns:a16="http://schemas.microsoft.com/office/drawing/2014/main" id="{8A1E5916-BEF1-B39E-88A3-27A3CE33FBE2}"/>
              </a:ext>
            </a:extLst>
          </p:cNvPr>
          <p:cNvGrpSpPr/>
          <p:nvPr userDrawn="1"/>
        </p:nvGrpSpPr>
        <p:grpSpPr>
          <a:xfrm>
            <a:off x="7145756" y="1876097"/>
            <a:ext cx="676670" cy="997705"/>
            <a:chOff x="0" y="0"/>
            <a:chExt cx="1353338" cy="1995408"/>
          </a:xfrm>
        </p:grpSpPr>
        <p:pic>
          <p:nvPicPr>
            <p:cNvPr id="5" name="Billede 26" descr="Billede 26">
              <a:extLst>
                <a:ext uri="{FF2B5EF4-FFF2-40B4-BE49-F238E27FC236}">
                  <a16:creationId xmlns:a16="http://schemas.microsoft.com/office/drawing/2014/main" id="{CD4E4287-D76C-463D-B65A-CB61F4A7038B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0" y="0"/>
              <a:ext cx="611573" cy="731703"/>
            </a:xfrm>
            <a:prstGeom prst="rect">
              <a:avLst/>
            </a:prstGeom>
            <a:ln w="12700" cap="flat">
              <a:noFill/>
              <a:miter lim="400000"/>
            </a:ln>
            <a:effectLst/>
          </p:spPr>
        </p:pic>
        <p:pic>
          <p:nvPicPr>
            <p:cNvPr id="6" name="Billede 37" descr="Billede 37">
              <a:extLst>
                <a:ext uri="{FF2B5EF4-FFF2-40B4-BE49-F238E27FC236}">
                  <a16:creationId xmlns:a16="http://schemas.microsoft.com/office/drawing/2014/main" id="{517F9EF2-51C8-E09B-9E48-D98C4B6EAA3F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rcRect l="1432" t="16308" r="2422" b="1509"/>
            <a:stretch>
              <a:fillRect/>
            </a:stretch>
          </p:blipFill>
          <p:spPr>
            <a:xfrm>
              <a:off x="3632" y="738429"/>
              <a:ext cx="1349707" cy="1256980"/>
            </a:xfrm>
            <a:prstGeom prst="rect">
              <a:avLst/>
            </a:prstGeom>
            <a:ln w="3175" cap="flat">
              <a:solidFill>
                <a:srgbClr val="F2F2F2"/>
              </a:solidFill>
              <a:prstDash val="solid"/>
              <a:round/>
            </a:ln>
            <a:effectLst/>
          </p:spPr>
        </p:pic>
      </p:grpSp>
      <p:sp>
        <p:nvSpPr>
          <p:cNvPr id="7" name="Text Box 2">
            <a:extLst>
              <a:ext uri="{FF2B5EF4-FFF2-40B4-BE49-F238E27FC236}">
                <a16:creationId xmlns:a16="http://schemas.microsoft.com/office/drawing/2014/main" id="{5E6BFE96-B170-E953-A8B2-88A3106B92AB}"/>
              </a:ext>
            </a:extLst>
          </p:cNvPr>
          <p:cNvSpPr txBox="1"/>
          <p:nvPr userDrawn="1"/>
        </p:nvSpPr>
        <p:spPr>
          <a:xfrm>
            <a:off x="1016000" y="1613646"/>
            <a:ext cx="2136361" cy="4755148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0" tIns="0" rIns="0" bIns="0">
            <a:spAutoFit/>
          </a:bodyPr>
          <a:lstStyle/>
          <a:p>
            <a:pPr>
              <a:spcBef>
                <a:spcPts val="600"/>
              </a:spcBef>
              <a:defRPr sz="3200"/>
            </a:pPr>
            <a:r>
              <a:rPr lang="en-US" sz="1600" dirty="0"/>
              <a:t>TEXT STYLES</a:t>
            </a:r>
          </a:p>
          <a:p>
            <a:pPr>
              <a:spcBef>
                <a:spcPts val="600"/>
              </a:spcBef>
              <a:defRPr sz="1800"/>
            </a:pPr>
            <a:r>
              <a:rPr lang="en-US" sz="900" dirty="0"/>
              <a:t>Use the </a:t>
            </a:r>
            <a:r>
              <a:rPr lang="en-US" sz="900" b="1" dirty="0"/>
              <a:t>TAB</a:t>
            </a:r>
            <a:r>
              <a:rPr lang="en-US" sz="900" dirty="0"/>
              <a:t>-key to jump through levels. Click </a:t>
            </a:r>
            <a:r>
              <a:rPr lang="en-US" sz="900" b="1" dirty="0"/>
              <a:t>ENTER</a:t>
            </a:r>
            <a:r>
              <a:rPr lang="en-US" sz="900" dirty="0"/>
              <a:t>, then </a:t>
            </a:r>
            <a:r>
              <a:rPr lang="en-US" sz="900" b="1" dirty="0"/>
              <a:t>TAB</a:t>
            </a:r>
            <a:r>
              <a:rPr lang="en-US" sz="900" dirty="0"/>
              <a:t> to switch from one level to the next level</a:t>
            </a:r>
          </a:p>
          <a:p>
            <a:pPr>
              <a:spcBef>
                <a:spcPts val="600"/>
              </a:spcBef>
              <a:defRPr sz="1800"/>
            </a:pPr>
            <a:r>
              <a:rPr lang="en-US" sz="900" dirty="0"/>
              <a:t>To go back in levels use </a:t>
            </a:r>
            <a:r>
              <a:rPr lang="en-US" sz="900" b="1" dirty="0"/>
              <a:t>SHIFT-TAB</a:t>
            </a:r>
          </a:p>
          <a:p>
            <a:pPr>
              <a:spcBef>
                <a:spcPts val="600"/>
              </a:spcBef>
              <a:defRPr sz="1800"/>
            </a:pPr>
            <a:r>
              <a:rPr lang="en-US" sz="900" dirty="0"/>
              <a:t>Alternatively, </a:t>
            </a:r>
            <a:r>
              <a:rPr lang="en-US" sz="900" b="1" dirty="0"/>
              <a:t>Increase</a:t>
            </a:r>
            <a:r>
              <a:rPr lang="en-US" sz="900" dirty="0"/>
              <a:t> and </a:t>
            </a:r>
            <a:r>
              <a:rPr lang="en-US" sz="900" b="1" dirty="0"/>
              <a:t>Decrease</a:t>
            </a:r>
            <a:br>
              <a:rPr lang="en-US" sz="900" b="1" dirty="0"/>
            </a:br>
            <a:r>
              <a:rPr lang="en-US" sz="900" dirty="0"/>
              <a:t>list level can be used</a:t>
            </a:r>
          </a:p>
          <a:p>
            <a:pPr>
              <a:spcBef>
                <a:spcPts val="600"/>
              </a:spcBef>
              <a:defRPr sz="1800"/>
            </a:pPr>
            <a:endParaRPr lang="en-US" sz="900" dirty="0"/>
          </a:p>
          <a:p>
            <a:pPr>
              <a:spcBef>
                <a:spcPts val="600"/>
              </a:spcBef>
              <a:defRPr sz="1800" b="1"/>
            </a:pPr>
            <a:r>
              <a:rPr lang="en-US" sz="900" dirty="0"/>
              <a:t>HINT: Use bullet button</a:t>
            </a:r>
          </a:p>
          <a:p>
            <a:pPr>
              <a:spcBef>
                <a:spcPts val="600"/>
              </a:spcBef>
              <a:defRPr sz="1800"/>
            </a:pPr>
            <a:r>
              <a:rPr lang="en-US" sz="900" dirty="0"/>
              <a:t>Delete bullet for regular text.</a:t>
            </a:r>
            <a:br>
              <a:rPr lang="en-US" sz="900" dirty="0"/>
            </a:br>
            <a:r>
              <a:rPr lang="en-US" sz="900" dirty="0"/>
              <a:t>Click on the bullet button to reapply the correct bullet again</a:t>
            </a:r>
          </a:p>
          <a:p>
            <a:pPr>
              <a:spcBef>
                <a:spcPts val="600"/>
              </a:spcBef>
              <a:defRPr sz="1800"/>
            </a:pPr>
            <a:br>
              <a:rPr lang="en-US" sz="900" dirty="0"/>
            </a:br>
            <a:r>
              <a:rPr lang="en-US" sz="1600" dirty="0"/>
              <a:t>SLIDES &amp; LAYOUTS</a:t>
            </a:r>
            <a:br>
              <a:rPr lang="en-US" sz="1600" dirty="0"/>
            </a:br>
            <a:br>
              <a:rPr lang="en-US" sz="1600" dirty="0"/>
            </a:br>
            <a:r>
              <a:rPr lang="en-US" sz="900" dirty="0"/>
              <a:t>Click on the menu </a:t>
            </a:r>
            <a:r>
              <a:rPr lang="en-US" sz="900" b="1" dirty="0"/>
              <a:t>New Slide </a:t>
            </a:r>
            <a:r>
              <a:rPr lang="en-US" sz="900" dirty="0"/>
              <a:t>in the </a:t>
            </a:r>
            <a:r>
              <a:rPr lang="en-US" sz="900" b="1" dirty="0"/>
              <a:t>Home</a:t>
            </a:r>
            <a:r>
              <a:rPr lang="en-US" sz="900" dirty="0"/>
              <a:t> tab to insert a new slide</a:t>
            </a:r>
            <a:br>
              <a:rPr lang="en-US" sz="900" dirty="0"/>
            </a:br>
            <a:br>
              <a:rPr lang="en-US" sz="900" dirty="0"/>
            </a:br>
            <a:r>
              <a:rPr lang="en-US" sz="900" b="1" dirty="0"/>
              <a:t>Change layout</a:t>
            </a:r>
          </a:p>
          <a:p>
            <a:pPr>
              <a:spcBef>
                <a:spcPts val="600"/>
              </a:spcBef>
              <a:defRPr sz="1800"/>
            </a:pPr>
            <a:r>
              <a:rPr lang="en-US" sz="900" dirty="0"/>
              <a:t>Click on the arrow next to </a:t>
            </a:r>
            <a:r>
              <a:rPr lang="en-US" sz="900" b="1" dirty="0"/>
              <a:t>Layout</a:t>
            </a:r>
            <a:br>
              <a:rPr lang="en-US" sz="900" b="1" dirty="0"/>
            </a:br>
            <a:r>
              <a:rPr lang="en-US" sz="900" dirty="0"/>
              <a:t>to view a dropdown menu of possible slide layouts</a:t>
            </a:r>
            <a:br>
              <a:rPr lang="en-US" sz="900" dirty="0"/>
            </a:br>
            <a:br>
              <a:rPr lang="en-US" sz="900" dirty="0"/>
            </a:br>
            <a:r>
              <a:rPr lang="en-US" sz="900" b="1" dirty="0"/>
              <a:t>Reset slide</a:t>
            </a:r>
          </a:p>
          <a:p>
            <a:pPr>
              <a:spcBef>
                <a:spcPts val="600"/>
              </a:spcBef>
              <a:defRPr sz="1800"/>
            </a:pPr>
            <a:r>
              <a:rPr lang="en-US" sz="900" dirty="0"/>
              <a:t>Click the </a:t>
            </a:r>
            <a:r>
              <a:rPr lang="en-US" sz="900" b="1" dirty="0"/>
              <a:t>Reset </a:t>
            </a:r>
            <a:r>
              <a:rPr lang="en-US" sz="900" dirty="0"/>
              <a:t>menu to reset position, size and formatting of the </a:t>
            </a:r>
            <a:br>
              <a:rPr lang="en-US" sz="900" dirty="0"/>
            </a:br>
            <a:r>
              <a:rPr lang="en-US" sz="900" dirty="0"/>
              <a:t>slide placeholders to their default settings</a:t>
            </a:r>
          </a:p>
        </p:txBody>
      </p:sp>
      <p:pic>
        <p:nvPicPr>
          <p:cNvPr id="8" name="Picture 2" descr="Picture 2">
            <a:extLst>
              <a:ext uri="{FF2B5EF4-FFF2-40B4-BE49-F238E27FC236}">
                <a16:creationId xmlns:a16="http://schemas.microsoft.com/office/drawing/2014/main" id="{0AE98524-32C4-9EE3-E8FA-29E2F4118322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3193501" y="3322850"/>
            <a:ext cx="257144" cy="285715"/>
          </a:xfrm>
          <a:prstGeom prst="rect">
            <a:avLst/>
          </a:prstGeom>
          <a:ln w="12700">
            <a:miter lim="400000"/>
          </a:ln>
        </p:spPr>
      </p:pic>
      <p:pic>
        <p:nvPicPr>
          <p:cNvPr id="10" name="Picture 29" descr="Picture 29">
            <a:extLst>
              <a:ext uri="{FF2B5EF4-FFF2-40B4-BE49-F238E27FC236}">
                <a16:creationId xmlns:a16="http://schemas.microsoft.com/office/drawing/2014/main" id="{83F57B94-FFE1-82FB-A44E-9227C7C52FBD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194042" y="2599667"/>
            <a:ext cx="457144" cy="257144"/>
          </a:xfrm>
          <a:prstGeom prst="rect">
            <a:avLst/>
          </a:prstGeom>
          <a:ln w="12700">
            <a:miter lim="400000"/>
          </a:ln>
        </p:spPr>
      </p:pic>
      <p:pic>
        <p:nvPicPr>
          <p:cNvPr id="11" name="Picture 16" descr="Picture 16">
            <a:extLst>
              <a:ext uri="{FF2B5EF4-FFF2-40B4-BE49-F238E27FC236}">
                <a16:creationId xmlns:a16="http://schemas.microsoft.com/office/drawing/2014/main" id="{C6297347-9B90-9765-2062-96945E9218CE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3199923" y="4313402"/>
            <a:ext cx="328882" cy="505502"/>
          </a:xfrm>
          <a:prstGeom prst="rect">
            <a:avLst/>
          </a:prstGeom>
          <a:ln w="12700">
            <a:miter lim="400000"/>
          </a:ln>
        </p:spPr>
      </p:pic>
      <p:pic>
        <p:nvPicPr>
          <p:cNvPr id="12" name="Picture 20" descr="Picture 20">
            <a:extLst>
              <a:ext uri="{FF2B5EF4-FFF2-40B4-BE49-F238E27FC236}">
                <a16:creationId xmlns:a16="http://schemas.microsoft.com/office/drawing/2014/main" id="{616ABA94-E10A-5E32-669D-EBD7DA9076A7}"/>
              </a:ext>
            </a:extLst>
          </p:cNvPr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3199923" y="5641555"/>
            <a:ext cx="538466" cy="172842"/>
          </a:xfrm>
          <a:prstGeom prst="rect">
            <a:avLst/>
          </a:prstGeom>
          <a:ln w="12700">
            <a:miter lim="400000"/>
          </a:ln>
        </p:spPr>
      </p:pic>
      <p:pic>
        <p:nvPicPr>
          <p:cNvPr id="13" name="Picture 19" descr="Picture 19">
            <a:extLst>
              <a:ext uri="{FF2B5EF4-FFF2-40B4-BE49-F238E27FC236}">
                <a16:creationId xmlns:a16="http://schemas.microsoft.com/office/drawing/2014/main" id="{21BBD215-6D0C-3D89-CF7D-E3806B304F38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7201777" y="4171639"/>
            <a:ext cx="313789" cy="543901"/>
          </a:xfrm>
          <a:prstGeom prst="rect">
            <a:avLst/>
          </a:prstGeom>
          <a:ln w="12700">
            <a:miter lim="400000"/>
          </a:ln>
        </p:spPr>
      </p:pic>
      <p:sp>
        <p:nvSpPr>
          <p:cNvPr id="16" name="Text Box 4">
            <a:extLst>
              <a:ext uri="{FF2B5EF4-FFF2-40B4-BE49-F238E27FC236}">
                <a16:creationId xmlns:a16="http://schemas.microsoft.com/office/drawing/2014/main" id="{2D5A08AE-C050-3C3E-D457-4601CD853B9D}"/>
              </a:ext>
            </a:extLst>
          </p:cNvPr>
          <p:cNvSpPr txBox="1"/>
          <p:nvPr userDrawn="1"/>
        </p:nvSpPr>
        <p:spPr>
          <a:xfrm>
            <a:off x="8131102" y="1608016"/>
            <a:ext cx="2214244" cy="3447098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0" tIns="0" rIns="0" bIns="0">
            <a:spAutoFit/>
          </a:bodyPr>
          <a:lstStyle/>
          <a:p>
            <a:pPr>
              <a:spcBef>
                <a:spcPts val="600"/>
              </a:spcBef>
              <a:defRPr sz="3200"/>
            </a:pPr>
            <a:r>
              <a:rPr lang="en-US" sz="1600" dirty="0"/>
              <a:t>HEADER &amp; FOOTER</a:t>
            </a:r>
          </a:p>
          <a:p>
            <a:pPr>
              <a:spcBef>
                <a:spcPts val="600"/>
              </a:spcBef>
              <a:defRPr sz="1800"/>
            </a:pPr>
            <a:r>
              <a:rPr lang="en-US" sz="900" dirty="0"/>
              <a:t>Do this at the very end to apply the changes on all slides</a:t>
            </a:r>
          </a:p>
          <a:p>
            <a:pPr>
              <a:spcBef>
                <a:spcPts val="600"/>
              </a:spcBef>
              <a:defRPr sz="1800"/>
            </a:pPr>
            <a:r>
              <a:rPr lang="en-US" sz="900" dirty="0"/>
              <a:t>Click on </a:t>
            </a:r>
            <a:r>
              <a:rPr lang="en-US" sz="900" b="1" dirty="0"/>
              <a:t>Header and Footer </a:t>
            </a:r>
            <a:r>
              <a:rPr lang="en-US" sz="900" dirty="0"/>
              <a:t>in the </a:t>
            </a:r>
            <a:r>
              <a:rPr lang="en-US" sz="900" b="1" dirty="0"/>
              <a:t>Insert</a:t>
            </a:r>
            <a:r>
              <a:rPr lang="en-US" sz="900" dirty="0"/>
              <a:t> tab (write the desired text)</a:t>
            </a:r>
          </a:p>
          <a:p>
            <a:pPr>
              <a:spcBef>
                <a:spcPts val="600"/>
              </a:spcBef>
              <a:defRPr sz="1800"/>
            </a:pPr>
            <a:r>
              <a:rPr lang="en-US" sz="900" dirty="0"/>
              <a:t>Click </a:t>
            </a:r>
            <a:r>
              <a:rPr lang="en-US" sz="900" b="1" dirty="0"/>
              <a:t>Apply to All </a:t>
            </a:r>
            <a:r>
              <a:rPr lang="en-US" sz="900" dirty="0"/>
              <a:t>or </a:t>
            </a:r>
            <a:r>
              <a:rPr lang="en-US" sz="900" b="1" dirty="0"/>
              <a:t>Apply</a:t>
            </a:r>
            <a:r>
              <a:rPr lang="en-US" sz="900" dirty="0"/>
              <a:t> if only used on one slide</a:t>
            </a:r>
          </a:p>
          <a:p>
            <a:pPr>
              <a:spcBef>
                <a:spcPts val="1200"/>
              </a:spcBef>
              <a:defRPr sz="3200"/>
            </a:pPr>
            <a:r>
              <a:rPr lang="en-US" sz="1600" dirty="0"/>
              <a:t>GRIDLINES</a:t>
            </a:r>
            <a:endParaRPr lang="en-US" sz="1600" b="1" dirty="0"/>
          </a:p>
          <a:p>
            <a:pPr>
              <a:spcBef>
                <a:spcPts val="600"/>
              </a:spcBef>
              <a:defRPr sz="1800"/>
            </a:pPr>
            <a:r>
              <a:rPr lang="en-US" sz="900" dirty="0"/>
              <a:t>Click the </a:t>
            </a:r>
            <a:r>
              <a:rPr lang="en-US" sz="900" b="1" dirty="0"/>
              <a:t>View</a:t>
            </a:r>
            <a:r>
              <a:rPr lang="en-US" sz="900" dirty="0"/>
              <a:t> tab and set tick mark next to </a:t>
            </a:r>
            <a:r>
              <a:rPr lang="en-US" sz="900" b="1" dirty="0"/>
              <a:t>Guides</a:t>
            </a:r>
          </a:p>
          <a:p>
            <a:pPr>
              <a:spcBef>
                <a:spcPts val="600"/>
              </a:spcBef>
              <a:defRPr sz="1800" b="1"/>
            </a:pPr>
            <a:r>
              <a:rPr lang="en-US" sz="900" dirty="0"/>
              <a:t>HINT: Alt + F9 </a:t>
            </a:r>
            <a:r>
              <a:rPr lang="en-US" sz="900" b="0" dirty="0"/>
              <a:t>for quick view of guides</a:t>
            </a:r>
          </a:p>
          <a:p>
            <a:pPr>
              <a:spcBef>
                <a:spcPts val="600"/>
              </a:spcBef>
              <a:defRPr sz="1800"/>
            </a:pPr>
            <a:endParaRPr lang="en-US" sz="900" b="0" dirty="0"/>
          </a:p>
          <a:p>
            <a:pPr>
              <a:spcBef>
                <a:spcPts val="600"/>
              </a:spcBef>
              <a:defRPr sz="3200"/>
            </a:pPr>
            <a:r>
              <a:rPr lang="en-US" sz="1600" dirty="0"/>
              <a:t>SLIDES</a:t>
            </a:r>
          </a:p>
          <a:p>
            <a:pPr>
              <a:spcBef>
                <a:spcPts val="600"/>
              </a:spcBef>
              <a:defRPr sz="1800"/>
            </a:pPr>
            <a:r>
              <a:rPr lang="en-US" sz="900" dirty="0"/>
              <a:t>Insert predefined slides from the Templafy button. Choose </a:t>
            </a:r>
            <a:r>
              <a:rPr lang="en-US" sz="900" b="1" dirty="0"/>
              <a:t>Slides</a:t>
            </a:r>
            <a:r>
              <a:rPr lang="en-US" sz="900" dirty="0"/>
              <a:t> from the dropdown menu or from the buttons in the Templafy pane on the right side of the screen</a:t>
            </a:r>
          </a:p>
        </p:txBody>
      </p:sp>
      <p:sp>
        <p:nvSpPr>
          <p:cNvPr id="21" name="Fast overskrift">
            <a:extLst>
              <a:ext uri="{FF2B5EF4-FFF2-40B4-BE49-F238E27FC236}">
                <a16:creationId xmlns:a16="http://schemas.microsoft.com/office/drawing/2014/main" id="{E3C053DC-A8AC-4F2C-31E6-AE4ACECFE626}"/>
              </a:ext>
            </a:extLst>
          </p:cNvPr>
          <p:cNvSpPr txBox="1"/>
          <p:nvPr userDrawn="1"/>
        </p:nvSpPr>
        <p:spPr>
          <a:xfrm>
            <a:off x="1016000" y="579810"/>
            <a:ext cx="10633074" cy="492443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wrap="square" lIns="0" tIns="0" rIns="0" bIns="0">
            <a:spAutoFit/>
          </a:bodyPr>
          <a:lstStyle>
            <a:lvl1pPr>
              <a:defRPr sz="6400"/>
            </a:lvl1pPr>
          </a:lstStyle>
          <a:p>
            <a:r>
              <a:rPr lang="en-US" sz="3200" dirty="0"/>
              <a:t>TIPS &amp; TRICKS - YOUR USER GUIDE</a:t>
            </a:r>
          </a:p>
        </p:txBody>
      </p:sp>
      <p:pic>
        <p:nvPicPr>
          <p:cNvPr id="23" name="Picture 2" descr="Picture 2">
            <a:extLst>
              <a:ext uri="{FF2B5EF4-FFF2-40B4-BE49-F238E27FC236}">
                <a16:creationId xmlns:a16="http://schemas.microsoft.com/office/drawing/2014/main" id="{64425764-08A8-067C-6FC3-54C2A125B994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10525149" y="4279948"/>
            <a:ext cx="650851" cy="973829"/>
          </a:xfrm>
          <a:prstGeom prst="rect">
            <a:avLst/>
          </a:prstGeom>
          <a:ln w="12700">
            <a:miter lim="400000"/>
          </a:ln>
        </p:spPr>
      </p:pic>
      <p:pic>
        <p:nvPicPr>
          <p:cNvPr id="25" name="Picture 24" descr="Picture 24">
            <a:extLst>
              <a:ext uri="{FF2B5EF4-FFF2-40B4-BE49-F238E27FC236}">
                <a16:creationId xmlns:a16="http://schemas.microsoft.com/office/drawing/2014/main" id="{7781CC46-5157-D188-A075-1AD91E7F3E73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3199922" y="5077014"/>
            <a:ext cx="475429" cy="176763"/>
          </a:xfrm>
          <a:prstGeom prst="rect">
            <a:avLst/>
          </a:prstGeom>
          <a:ln w="12700">
            <a:miter lim="400000"/>
          </a:ln>
        </p:spPr>
      </p:pic>
      <p:pic>
        <p:nvPicPr>
          <p:cNvPr id="30" name="Picture 12" descr="Picture 12">
            <a:extLst>
              <a:ext uri="{FF2B5EF4-FFF2-40B4-BE49-F238E27FC236}">
                <a16:creationId xmlns:a16="http://schemas.microsoft.com/office/drawing/2014/main" id="{6CC967B0-2B41-9B4F-1FC1-4BD02B900102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10525149" y="2217244"/>
            <a:ext cx="378294" cy="54336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31" name="Group 3">
            <a:extLst>
              <a:ext uri="{FF2B5EF4-FFF2-40B4-BE49-F238E27FC236}">
                <a16:creationId xmlns:a16="http://schemas.microsoft.com/office/drawing/2014/main" id="{B0FC6CB9-1906-BFB6-34F3-5A63E8B42393}"/>
              </a:ext>
            </a:extLst>
          </p:cNvPr>
          <p:cNvGrpSpPr/>
          <p:nvPr userDrawn="1"/>
        </p:nvGrpSpPr>
        <p:grpSpPr>
          <a:xfrm>
            <a:off x="4465763" y="2841432"/>
            <a:ext cx="2243060" cy="594908"/>
            <a:chOff x="0" y="0"/>
            <a:chExt cx="4486118" cy="1189813"/>
          </a:xfrm>
        </p:grpSpPr>
        <p:pic>
          <p:nvPicPr>
            <p:cNvPr id="32" name="Billede 1" descr="Billede 1">
              <a:extLst>
                <a:ext uri="{FF2B5EF4-FFF2-40B4-BE49-F238E27FC236}">
                  <a16:creationId xmlns:a16="http://schemas.microsoft.com/office/drawing/2014/main" id="{E717D799-3C1A-AB85-09A3-F340C4F07A5C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/>
            <a:srcRect t="21433"/>
            <a:stretch>
              <a:fillRect/>
            </a:stretch>
          </p:blipFill>
          <p:spPr>
            <a:xfrm>
              <a:off x="0" y="0"/>
              <a:ext cx="4486119" cy="1114399"/>
            </a:xfrm>
            <a:prstGeom prst="rect">
              <a:avLst/>
            </a:prstGeom>
            <a:ln w="12700" cap="flat">
              <a:noFill/>
              <a:miter lim="400000"/>
            </a:ln>
            <a:effectLst/>
          </p:spPr>
        </p:pic>
        <p:sp>
          <p:nvSpPr>
            <p:cNvPr id="33" name="Rektangel 3">
              <a:extLst>
                <a:ext uri="{FF2B5EF4-FFF2-40B4-BE49-F238E27FC236}">
                  <a16:creationId xmlns:a16="http://schemas.microsoft.com/office/drawing/2014/main" id="{EA928BEC-9004-B2BD-0FF4-9152FD686F14}"/>
                </a:ext>
              </a:extLst>
            </p:cNvPr>
            <p:cNvSpPr/>
            <p:nvPr/>
          </p:nvSpPr>
          <p:spPr>
            <a:xfrm>
              <a:off x="-1" y="739579"/>
              <a:ext cx="4486118" cy="450235"/>
            </a:xfrm>
            <a:prstGeom prst="rect">
              <a:avLst/>
            </a:prstGeom>
            <a:noFill/>
            <a:ln w="25400" cap="flat">
              <a:solidFill>
                <a:schemeClr val="accent5"/>
              </a:solidFill>
              <a:prstDash val="solid"/>
              <a:miter lim="800000"/>
            </a:ln>
            <a:effectLst/>
          </p:spPr>
          <p:txBody>
            <a:bodyPr wrap="square" lIns="72000" tIns="72000" rIns="72000" bIns="72000" numCol="1" anchor="ctr">
              <a:noAutofit/>
            </a:bodyPr>
            <a:lstStyle/>
            <a:p>
              <a:pPr algn="ctr">
                <a:defRPr sz="4000">
                  <a:solidFill>
                    <a:srgbClr val="FFFFFF"/>
                  </a:solidFill>
                </a:defRPr>
              </a:pPr>
              <a:endParaRPr lang="en-US" sz="2000" dirty="0"/>
            </a:p>
          </p:txBody>
        </p:sp>
      </p:grpSp>
    </p:spTree>
    <p:extLst>
      <p:ext uri="{BB962C8B-B14F-4D97-AF65-F5344CB8AC3E}">
        <p14:creationId xmlns:p14="http://schemas.microsoft.com/office/powerpoint/2010/main" val="663248985"/>
      </p:ext>
    </p:extLst>
  </p:cSld>
  <p:clrMapOvr>
    <a:masterClrMapping/>
  </p:clrMapOvr>
  <p:transition spd="slow">
    <p:push/>
  </p:transition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539752" y="491007"/>
            <a:ext cx="11109324" cy="3924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3"/>
          </p:nvPr>
        </p:nvSpPr>
        <p:spPr>
          <a:xfrm>
            <a:off x="539750" y="876732"/>
            <a:ext cx="11109326" cy="392400"/>
          </a:xfrm>
        </p:spPr>
        <p:txBody>
          <a:bodyPr/>
          <a:lstStyle>
            <a:lvl1pPr marL="0" indent="0" algn="l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accent2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77231098"/>
      </p:ext>
    </p:extLst>
  </p:cSld>
  <p:clrMapOvr>
    <a:masterClrMapping/>
  </p:clrMapOvr>
  <p:transition spd="slow">
    <p:push/>
  </p:transition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50/50 split Green">
    <p:bg>
      <p:bgPr>
        <a:solidFill>
          <a:srgbClr val="19904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6" name="holden-baxter-oxQ0egaQMfU-unsplash.jpeg"/>
          <p:cNvSpPr>
            <a:spLocks noGrp="1"/>
          </p:cNvSpPr>
          <p:nvPr>
            <p:ph type="pic" idx="21"/>
          </p:nvPr>
        </p:nvSpPr>
        <p:spPr>
          <a:xfrm>
            <a:off x="6096124" y="-1144510"/>
            <a:ext cx="6098758" cy="9147020"/>
          </a:xfrm>
          <a:prstGeom prst="rect">
            <a:avLst/>
          </a:prstGeom>
        </p:spPr>
        <p:txBody>
          <a:bodyPr lIns="91439" tIns="45719" rIns="91439" bIns="45719"/>
          <a:lstStyle/>
          <a:p>
            <a:endParaRPr/>
          </a:p>
        </p:txBody>
      </p:sp>
      <p:sp>
        <p:nvSpPr>
          <p:cNvPr id="348" name="Slide Number"/>
          <p:cNvSpPr txBox="1">
            <a:spLocks noGrp="1"/>
          </p:cNvSpPr>
          <p:nvPr>
            <p:ph type="sldNum" sz="quarter" idx="2"/>
          </p:nvPr>
        </p:nvSpPr>
        <p:spPr>
          <a:xfrm>
            <a:off x="10541000" y="6191250"/>
            <a:ext cx="635000" cy="98692"/>
          </a:xfrm>
          <a:prstGeom prst="rect">
            <a:avLst/>
          </a:prstGeom>
        </p:spPr>
        <p:txBody>
          <a:bodyPr wrap="square"/>
          <a:lstStyle>
            <a:lvl1pPr algn="r">
              <a:defRPr>
                <a:solidFill>
                  <a:srgbClr val="FFFFFF"/>
                </a:solidFill>
              </a:defRPr>
            </a:lvl1pPr>
          </a:lstStyle>
          <a:p>
            <a:fld id="{86CB4B4D-7CA3-9044-876B-883B54F8677D}" type="slidenum">
              <a:t>‹#›</a:t>
            </a:fld>
            <a:endParaRPr/>
          </a:p>
        </p:txBody>
      </p:sp>
      <p:sp>
        <p:nvSpPr>
          <p:cNvPr id="6" name="Add Headline…">
            <a:extLst>
              <a:ext uri="{FF2B5EF4-FFF2-40B4-BE49-F238E27FC236}">
                <a16:creationId xmlns:a16="http://schemas.microsoft.com/office/drawing/2014/main" id="{7C6FB51B-3BA5-4414-BF71-1FADDC9018C3}"/>
              </a:ext>
            </a:extLst>
          </p:cNvPr>
          <p:cNvSpPr txBox="1">
            <a:spLocks noGrp="1"/>
          </p:cNvSpPr>
          <p:nvPr>
            <p:ph type="body" sz="quarter" idx="22"/>
          </p:nvPr>
        </p:nvSpPr>
        <p:spPr>
          <a:xfrm>
            <a:off x="1023575" y="1071975"/>
            <a:ext cx="3046384" cy="4558726"/>
          </a:xfrm>
          <a:prstGeom prst="rect">
            <a:avLst/>
          </a:prstGeom>
        </p:spPr>
        <p:txBody>
          <a:bodyPr/>
          <a:lstStyle>
            <a:lvl1pPr marL="180000" indent="-180000">
              <a:lnSpc>
                <a:spcPct val="130000"/>
              </a:lnSpc>
              <a:spcBef>
                <a:spcPts val="800"/>
              </a:spcBef>
              <a:buSzTx/>
              <a:buFontTx/>
              <a:buNone/>
              <a:defRPr sz="2000" b="1" spc="-270">
                <a:solidFill>
                  <a:srgbClr val="000000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marL="0" indent="0">
              <a:spcBef>
                <a:spcPts val="1600"/>
              </a:spcBef>
              <a:buSzTx/>
              <a:buFontTx/>
              <a:buNone/>
              <a:defRPr sz="5400" b="1" spc="-270">
                <a:solidFill>
                  <a:srgbClr val="000000"/>
                </a:solidFill>
              </a:defRPr>
            </a:pPr>
            <a:r>
              <a:t>Add Headline </a:t>
            </a:r>
          </a:p>
          <a:p>
            <a:pPr marL="0" indent="0">
              <a:lnSpc>
                <a:spcPct val="83000"/>
              </a:lnSpc>
              <a:spcBef>
                <a:spcPts val="1600"/>
              </a:spcBef>
              <a:buSzTx/>
              <a:buFontTx/>
              <a:buNone/>
              <a:defRPr sz="5400" b="1" spc="-270">
                <a:solidFill>
                  <a:srgbClr val="000000"/>
                </a:solidFill>
              </a:defRPr>
            </a:pPr>
            <a:endParaRPr/>
          </a:p>
          <a:p>
            <a:pPr marL="359999" indent="-359999">
              <a:lnSpc>
                <a:spcPct val="130000"/>
              </a:lnSpc>
              <a:spcBef>
                <a:spcPts val="1600"/>
              </a:spcBef>
              <a:defRPr sz="2000">
                <a:solidFill>
                  <a:srgbClr val="000000"/>
                </a:solidFill>
              </a:defRPr>
            </a:pPr>
            <a:r>
              <a:t>Body Level One</a:t>
            </a:r>
          </a:p>
          <a:p>
            <a:pPr lvl="1">
              <a:lnSpc>
                <a:spcPct val="130000"/>
              </a:lnSpc>
              <a:spcBef>
                <a:spcPts val="800"/>
              </a:spcBef>
              <a:defRPr sz="2000">
                <a:solidFill>
                  <a:srgbClr val="000000"/>
                </a:solidFill>
              </a:defRPr>
            </a:pPr>
            <a:r>
              <a:t>Body Level Two</a:t>
            </a:r>
          </a:p>
          <a:p>
            <a:pPr lvl="2">
              <a:lnSpc>
                <a:spcPct val="130000"/>
              </a:lnSpc>
              <a:spcBef>
                <a:spcPts val="800"/>
              </a:spcBef>
              <a:defRPr sz="2000">
                <a:solidFill>
                  <a:srgbClr val="000000"/>
                </a:solidFill>
              </a:defRPr>
            </a:pPr>
            <a:r>
              <a:t>Body Level Three</a:t>
            </a:r>
          </a:p>
          <a:p>
            <a:pPr lvl="3">
              <a:lnSpc>
                <a:spcPct val="130000"/>
              </a:lnSpc>
              <a:spcBef>
                <a:spcPts val="800"/>
              </a:spcBef>
              <a:defRPr sz="2000">
                <a:solidFill>
                  <a:srgbClr val="000000"/>
                </a:solidFill>
              </a:defRPr>
            </a:pPr>
            <a:r>
              <a:t>Body Level Four</a:t>
            </a:r>
          </a:p>
          <a:p>
            <a:pPr lvl="4">
              <a:lnSpc>
                <a:spcPct val="130000"/>
              </a:lnSpc>
              <a:spcBef>
                <a:spcPts val="800"/>
              </a:spcBef>
              <a:defRPr sz="2000">
                <a:solidFill>
                  <a:srgbClr val="000000"/>
                </a:solidFill>
              </a:defRPr>
            </a:pPr>
            <a:r>
              <a:t>Body Level Five</a:t>
            </a:r>
          </a:p>
        </p:txBody>
      </p:sp>
    </p:spTree>
    <p:extLst>
      <p:ext uri="{BB962C8B-B14F-4D97-AF65-F5344CB8AC3E}">
        <p14:creationId xmlns:p14="http://schemas.microsoft.com/office/powerpoint/2010/main" val="857613473"/>
      </p:ext>
    </p:extLst>
  </p:cSld>
  <p:clrMapOvr>
    <a:masterClrMapping/>
  </p:clrMapOvr>
  <p:transition spd="slow">
    <p:push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lumns">
  <p:cSld name="Two Columns">
    <p:spTree>
      <p:nvGrpSpPr>
        <p:cNvPr id="1" name="Shape 2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Google Shape;24;p67"/>
          <p:cNvSpPr txBox="1">
            <a:spLocks noGrp="1"/>
          </p:cNvSpPr>
          <p:nvPr>
            <p:ph type="title"/>
          </p:nvPr>
        </p:nvSpPr>
        <p:spPr>
          <a:xfrm>
            <a:off x="442913" y="384048"/>
            <a:ext cx="11306173" cy="84124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noAutofit/>
          </a:bodyPr>
          <a:lstStyle>
            <a:lvl1pPr lvl="0" algn="l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  <a:defRPr sz="3200" b="0" i="0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25" name="Google Shape;25;p67"/>
          <p:cNvSpPr txBox="1">
            <a:spLocks noGrp="1"/>
          </p:cNvSpPr>
          <p:nvPr>
            <p:ph type="body" idx="1"/>
          </p:nvPr>
        </p:nvSpPr>
        <p:spPr>
          <a:xfrm>
            <a:off x="438912" y="1733550"/>
            <a:ext cx="5477256" cy="447833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800"/>
              <a:buNone/>
              <a:defRPr/>
            </a:lvl1pPr>
            <a:lvl2pPr marL="914400" lvl="1" indent="-2286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SzPts val="1600"/>
              <a:buNone/>
              <a:defRPr/>
            </a:lvl2pPr>
            <a:lvl3pPr marL="1371600" lvl="2" indent="-330200" algn="l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SzPts val="1600"/>
              <a:buChar char="•"/>
              <a:defRPr/>
            </a:lvl3pPr>
            <a:lvl4pPr marL="1828800" lvl="3" indent="-330200" algn="l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SzPts val="1600"/>
              <a:buChar char="–"/>
              <a:defRPr/>
            </a:lvl4pPr>
            <a:lvl5pPr marL="2286000" lvl="4" indent="-330200" algn="l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SzPts val="1600"/>
              <a:buChar char="•"/>
              <a:defRPr/>
            </a:lvl5pPr>
            <a:lvl6pPr marL="2743200" lvl="5" indent="-330200" algn="l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SzPts val="1600"/>
              <a:buChar char="–"/>
              <a:defRPr/>
            </a:lvl6pPr>
            <a:lvl7pPr marL="3200400" lvl="6" indent="-330200" algn="l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SzPts val="1600"/>
              <a:buChar char="•"/>
              <a:defRPr/>
            </a:lvl7pPr>
            <a:lvl8pPr marL="3657600" lvl="7" indent="-330200" algn="l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SzPts val="1600"/>
              <a:buChar char="–"/>
              <a:defRPr/>
            </a:lvl8pPr>
            <a:lvl9pPr marL="4114800" lvl="8" indent="-330200" algn="l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SzPts val="1600"/>
              <a:buChar char="•"/>
              <a:defRPr/>
            </a:lvl9pPr>
          </a:lstStyle>
          <a:p>
            <a:endParaRPr/>
          </a:p>
        </p:txBody>
      </p:sp>
      <p:sp>
        <p:nvSpPr>
          <p:cNvPr id="26" name="Google Shape;26;p67"/>
          <p:cNvSpPr txBox="1">
            <a:spLocks noGrp="1"/>
          </p:cNvSpPr>
          <p:nvPr>
            <p:ph type="body" idx="2"/>
          </p:nvPr>
        </p:nvSpPr>
        <p:spPr>
          <a:xfrm>
            <a:off x="6278563" y="1733550"/>
            <a:ext cx="5477256" cy="447833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800"/>
              <a:buNone/>
              <a:defRPr/>
            </a:lvl1pPr>
            <a:lvl2pPr marL="914400" lvl="1" indent="-2286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SzPts val="1600"/>
              <a:buNone/>
              <a:defRPr/>
            </a:lvl2pPr>
            <a:lvl3pPr marL="1371600" lvl="2" indent="-330200" algn="l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SzPts val="1600"/>
              <a:buChar char="•"/>
              <a:defRPr/>
            </a:lvl3pPr>
            <a:lvl4pPr marL="1828800" lvl="3" indent="-330200" algn="l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SzPts val="1600"/>
              <a:buChar char="–"/>
              <a:defRPr/>
            </a:lvl4pPr>
            <a:lvl5pPr marL="2286000" lvl="4" indent="-330200" algn="l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SzPts val="1600"/>
              <a:buChar char="•"/>
              <a:defRPr/>
            </a:lvl5pPr>
            <a:lvl6pPr marL="2743200" lvl="5" indent="-330200" algn="l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SzPts val="1600"/>
              <a:buChar char="–"/>
              <a:defRPr/>
            </a:lvl6pPr>
            <a:lvl7pPr marL="3200400" lvl="6" indent="-330200" algn="l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SzPts val="1600"/>
              <a:buChar char="•"/>
              <a:defRPr/>
            </a:lvl7pPr>
            <a:lvl8pPr marL="3657600" lvl="7" indent="-330200" algn="l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SzPts val="1600"/>
              <a:buChar char="–"/>
              <a:defRPr/>
            </a:lvl8pPr>
            <a:lvl9pPr marL="4114800" lvl="8" indent="-330200" algn="l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SzPts val="1600"/>
              <a:buChar char="•"/>
              <a:defRPr/>
            </a:lvl9pPr>
          </a:lstStyle>
          <a:p>
            <a:endParaRPr/>
          </a:p>
        </p:txBody>
      </p:sp>
      <p:sp>
        <p:nvSpPr>
          <p:cNvPr id="27" name="Google Shape;27;p67"/>
          <p:cNvSpPr txBox="1"/>
          <p:nvPr/>
        </p:nvSpPr>
        <p:spPr>
          <a:xfrm>
            <a:off x="442912" y="6373368"/>
            <a:ext cx="1962468" cy="11887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sp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750"/>
              <a:buFont typeface="Arial"/>
              <a:buNone/>
            </a:pPr>
            <a:endParaRPr sz="750" b="0" i="0" u="none" strike="noStrike" cap="none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28" name="Google Shape;28;p67"/>
          <p:cNvSpPr txBox="1"/>
          <p:nvPr/>
        </p:nvSpPr>
        <p:spPr>
          <a:xfrm>
            <a:off x="442912" y="6513984"/>
            <a:ext cx="421590" cy="11541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sp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750"/>
              <a:buFont typeface="Arial"/>
              <a:buNone/>
            </a:pPr>
            <a:r>
              <a:rPr lang="da-DK" sz="75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Strategy&amp;</a:t>
            </a:r>
            <a:endParaRPr sz="1400" b="0" i="0" u="none" strike="noStrike" cap="none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29" name="Google Shape;29;p67"/>
          <p:cNvSpPr txBox="1">
            <a:spLocks noGrp="1"/>
          </p:cNvSpPr>
          <p:nvPr>
            <p:ph type="body" idx="3"/>
          </p:nvPr>
        </p:nvSpPr>
        <p:spPr>
          <a:xfrm>
            <a:off x="2590800" y="6355080"/>
            <a:ext cx="6998208" cy="27432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800"/>
              <a:buNone/>
              <a:defRPr sz="750"/>
            </a:lvl1pPr>
            <a:lvl2pPr marL="914400" lvl="1" indent="-2286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SzPts val="1600"/>
              <a:buNone/>
              <a:defRPr/>
            </a:lvl2pPr>
            <a:lvl3pPr marL="1371600" lvl="2" indent="-330200" algn="l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SzPts val="1600"/>
              <a:buChar char="•"/>
              <a:defRPr/>
            </a:lvl3pPr>
            <a:lvl4pPr marL="1828800" lvl="3" indent="-330200" algn="l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SzPts val="1600"/>
              <a:buChar char="–"/>
              <a:defRPr/>
            </a:lvl4pPr>
            <a:lvl5pPr marL="2286000" lvl="4" indent="-330200" algn="l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SzPts val="1600"/>
              <a:buChar char="•"/>
              <a:defRPr/>
            </a:lvl5pPr>
            <a:lvl6pPr marL="2743200" lvl="5" indent="-330200" algn="l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SzPts val="1600"/>
              <a:buChar char="–"/>
              <a:defRPr/>
            </a:lvl6pPr>
            <a:lvl7pPr marL="3200400" lvl="6" indent="-330200" algn="l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SzPts val="1600"/>
              <a:buChar char="•"/>
              <a:defRPr/>
            </a:lvl7pPr>
            <a:lvl8pPr marL="3657600" lvl="7" indent="-330200" algn="l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SzPts val="1600"/>
              <a:buChar char="–"/>
              <a:defRPr/>
            </a:lvl8pPr>
            <a:lvl9pPr marL="4114800" lvl="8" indent="-330200" algn="l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SzPts val="1600"/>
              <a:buChar char="•"/>
              <a:defRPr/>
            </a:lvl9pPr>
          </a:lstStyle>
          <a:p>
            <a:endParaRPr/>
          </a:p>
        </p:txBody>
      </p:sp>
      <p:sp>
        <p:nvSpPr>
          <p:cNvPr id="30" name="Google Shape;30;p67"/>
          <p:cNvSpPr txBox="1"/>
          <p:nvPr/>
        </p:nvSpPr>
        <p:spPr>
          <a:xfrm>
            <a:off x="11343697" y="6519672"/>
            <a:ext cx="387927" cy="10972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noAutofit/>
          </a:bodyPr>
          <a:lstStyle/>
          <a:p>
            <a:pPr marL="0" marR="0" lvl="0" indent="0" algn="r" rtl="0">
              <a:lnSpc>
                <a:spcPct val="1176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750"/>
              <a:buFont typeface="Arial"/>
              <a:buNone/>
            </a:pPr>
            <a:endParaRPr sz="750" b="0" i="0" u="none" strike="noStrike" cap="none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31" name="Google Shape;31;p67"/>
          <p:cNvSpPr txBox="1">
            <a:spLocks noGrp="1"/>
          </p:cNvSpPr>
          <p:nvPr>
            <p:ph type="body" idx="4"/>
          </p:nvPr>
        </p:nvSpPr>
        <p:spPr>
          <a:xfrm>
            <a:off x="442913" y="1276212"/>
            <a:ext cx="11306173" cy="32017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rm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800"/>
              <a:buFont typeface="Arial"/>
              <a:buNone/>
              <a:defRPr sz="1800" b="1">
                <a:solidFill>
                  <a:schemeClr val="lt2"/>
                </a:solidFill>
              </a:defRPr>
            </a:lvl1pPr>
            <a:lvl2pPr marL="914400" lvl="1" indent="-2286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SzPts val="1600"/>
              <a:buNone/>
              <a:defRPr/>
            </a:lvl2pPr>
            <a:lvl3pPr marL="1371600" lvl="2" indent="-330200" algn="l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SzPts val="1600"/>
              <a:buChar char="•"/>
              <a:defRPr/>
            </a:lvl3pPr>
            <a:lvl4pPr marL="1828800" lvl="3" indent="-330200" algn="l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SzPts val="1600"/>
              <a:buChar char="–"/>
              <a:defRPr/>
            </a:lvl4pPr>
            <a:lvl5pPr marL="2286000" lvl="4" indent="-330200" algn="l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SzPts val="1600"/>
              <a:buChar char="•"/>
              <a:defRPr/>
            </a:lvl5pPr>
            <a:lvl6pPr marL="2743200" lvl="5" indent="-330200" algn="l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SzPts val="1600"/>
              <a:buChar char="–"/>
              <a:defRPr/>
            </a:lvl6pPr>
            <a:lvl7pPr marL="3200400" lvl="6" indent="-330200" algn="l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SzPts val="1600"/>
              <a:buChar char="•"/>
              <a:defRPr/>
            </a:lvl7pPr>
            <a:lvl8pPr marL="3657600" lvl="7" indent="-330200" algn="l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SzPts val="1600"/>
              <a:buChar char="–"/>
              <a:defRPr/>
            </a:lvl8pPr>
            <a:lvl9pPr marL="4114800" lvl="8" indent="-330200" algn="l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SzPts val="1600"/>
              <a:buChar char="•"/>
              <a:defRPr/>
            </a:lvl9pPr>
          </a:lstStyle>
          <a:p>
            <a:endParaRPr/>
          </a:p>
        </p:txBody>
      </p:sp>
      <p:sp>
        <p:nvSpPr>
          <p:cNvPr id="32" name="Google Shape;32;p67"/>
          <p:cNvSpPr txBox="1">
            <a:spLocks noGrp="1"/>
          </p:cNvSpPr>
          <p:nvPr>
            <p:ph type="dt" idx="10"/>
          </p:nvPr>
        </p:nvSpPr>
        <p:spPr>
          <a:xfrm>
            <a:off x="9701408" y="6252882"/>
            <a:ext cx="2028305" cy="13716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50925" rIns="0" bIns="50925" anchor="ctr" anchorCtr="0">
            <a:noAutofit/>
          </a:bodyPr>
          <a:lstStyle>
            <a:lvl1pPr lvl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 sz="800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33" name="Google Shape;33;p67"/>
          <p:cNvSpPr txBox="1">
            <a:spLocks noGrp="1"/>
          </p:cNvSpPr>
          <p:nvPr>
            <p:ph type="sldNum" idx="12"/>
          </p:nvPr>
        </p:nvSpPr>
        <p:spPr>
          <a:xfrm>
            <a:off x="9701408" y="6390042"/>
            <a:ext cx="2028305" cy="13716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50925" rIns="0" bIns="50925" anchor="ctr" anchorCtr="0">
            <a:noAutofit/>
          </a:bodyPr>
          <a:lstStyle>
            <a:lvl1pPr marL="0" marR="0" lvl="0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750"/>
              <a:buFont typeface="Arial"/>
              <a:buNone/>
              <a:defRPr sz="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L="0" marR="0" lvl="1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750"/>
              <a:buFont typeface="Arial"/>
              <a:buNone/>
              <a:defRPr sz="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0" marR="0" lvl="2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750"/>
              <a:buFont typeface="Arial"/>
              <a:buNone/>
              <a:defRPr sz="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0" marR="0" lvl="3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750"/>
              <a:buFont typeface="Arial"/>
              <a:buNone/>
              <a:defRPr sz="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0" marR="0" lvl="4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750"/>
              <a:buFont typeface="Arial"/>
              <a:buNone/>
              <a:defRPr sz="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0" marR="0" lvl="5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750"/>
              <a:buFont typeface="Arial"/>
              <a:buNone/>
              <a:defRPr sz="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0" marR="0" lvl="6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750"/>
              <a:buFont typeface="Arial"/>
              <a:buNone/>
              <a:defRPr sz="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0" marR="0" lvl="7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750"/>
              <a:buFont typeface="Arial"/>
              <a:buNone/>
              <a:defRPr sz="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0" marR="0" lvl="8" indent="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750"/>
              <a:buFont typeface="Arial"/>
              <a:buNone/>
              <a:defRPr sz="8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da-DK"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97915255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ro. DSV blue.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>
            <a:extLst>
              <a:ext uri="{FF2B5EF4-FFF2-40B4-BE49-F238E27FC236}">
                <a16:creationId xmlns:a16="http://schemas.microsoft.com/office/drawing/2014/main" id="{A32BB7F6-9F0A-A368-C487-990A3FB8018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266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697DF23-1386-F624-BC3A-8FA3598A60B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 bwMode="white">
          <a:xfrm>
            <a:off x="1016000" y="1143000"/>
            <a:ext cx="7112000" cy="3991137"/>
          </a:xfrm>
        </p:spPr>
        <p:txBody>
          <a:bodyPr/>
          <a:lstStyle>
            <a:lvl1pPr>
              <a:lnSpc>
                <a:spcPct val="100000"/>
              </a:lnSpc>
              <a:defRPr sz="6000" spc="-300"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3686554A-1224-B98B-303F-3DEF4C9C95F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016000" y="6090767"/>
            <a:ext cx="661414" cy="195733"/>
          </a:xfrm>
          <a:prstGeom prst="rect">
            <a:avLst/>
          </a:prstGeom>
        </p:spPr>
      </p:pic>
      <p:sp>
        <p:nvSpPr>
          <p:cNvPr id="10" name="Date_DateCustomA" hidden="1">
            <a:extLst>
              <a:ext uri="{FF2B5EF4-FFF2-40B4-BE49-F238E27FC236}">
                <a16:creationId xmlns:a16="http://schemas.microsoft.com/office/drawing/2014/main" id="{C20D0076-D329-96AA-A04A-541769850DC5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11" name="FLD_PresentationTitle" hidden="1">
            <a:extLst>
              <a:ext uri="{FF2B5EF4-FFF2-40B4-BE49-F238E27FC236}">
                <a16:creationId xmlns:a16="http://schemas.microsoft.com/office/drawing/2014/main" id="{B43EA88E-0BF1-3508-3720-CE65072E16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2E0F7ED9-BD90-84B2-5B4F-85E0B0B744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0480761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push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ro. White.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697DF23-1386-F624-BC3A-8FA3598A60B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16000" y="1143000"/>
            <a:ext cx="7112000" cy="3991137"/>
          </a:xfrm>
        </p:spPr>
        <p:txBody>
          <a:bodyPr/>
          <a:lstStyle>
            <a:lvl1pPr>
              <a:lnSpc>
                <a:spcPct val="100000"/>
              </a:lnSpc>
              <a:defRPr sz="6000" spc="-300"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B9019654-4813-5F8A-EA65-5AE9FE42F7B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9" r="39"/>
          <a:stretch>
            <a:fillRect/>
          </a:stretch>
        </p:blipFill>
        <p:spPr>
          <a:xfrm>
            <a:off x="1016000" y="6090767"/>
            <a:ext cx="661414" cy="195733"/>
          </a:xfrm>
          <a:prstGeom prst="rect">
            <a:avLst/>
          </a:prstGeom>
        </p:spPr>
      </p:pic>
      <p:sp>
        <p:nvSpPr>
          <p:cNvPr id="8" name="Date_DateCustomA" hidden="1">
            <a:extLst>
              <a:ext uri="{FF2B5EF4-FFF2-40B4-BE49-F238E27FC236}">
                <a16:creationId xmlns:a16="http://schemas.microsoft.com/office/drawing/2014/main" id="{D925183B-C5E9-CA72-F99B-A8B64B88B6D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9" name="FLD_PresentationTitle" hidden="1">
            <a:extLst>
              <a:ext uri="{FF2B5EF4-FFF2-40B4-BE49-F238E27FC236}">
                <a16:creationId xmlns:a16="http://schemas.microsoft.com/office/drawing/2014/main" id="{5BC658D0-3D0D-6FBA-4900-55595E10CC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  <p:sp>
        <p:nvSpPr>
          <p:cNvPr id="10" name="Slide Number Placeholder 5" hidden="1">
            <a:extLst>
              <a:ext uri="{FF2B5EF4-FFF2-40B4-BE49-F238E27FC236}">
                <a16:creationId xmlns:a16="http://schemas.microsoft.com/office/drawing/2014/main" id="{A83469B6-0EA8-B63F-D617-0C1C27E69C6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095005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slow">
    <p:push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ro. Dark picture.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10">
            <a:extLst>
              <a:ext uri="{FF2B5EF4-FFF2-40B4-BE49-F238E27FC236}">
                <a16:creationId xmlns:a16="http://schemas.microsoft.com/office/drawing/2014/main" id="{03339083-32F6-B6AC-9B07-EBC1CF9E345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2"/>
            <a:ext cx="12192000" cy="6858001"/>
          </a:xfrm>
          <a:solidFill>
            <a:srgbClr val="D7D9DC"/>
          </a:solidFill>
        </p:spPr>
        <p:txBody>
          <a:bodyPr lIns="72000" tIns="72000" rIns="72000" anchor="t" anchorCtr="0"/>
          <a:lstStyle>
            <a:lvl1pPr marL="0" indent="0" algn="ctr">
              <a:buNone/>
              <a:defRPr sz="1600"/>
            </a:lvl1pPr>
          </a:lstStyle>
          <a:p>
            <a:r>
              <a:rPr lang="en-US" dirty="0"/>
              <a:t>Activate the frame go to Templafy -&gt; Photos to select a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697DF23-1386-F624-BC3A-8FA3598A60B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16000" y="1143000"/>
            <a:ext cx="7112000" cy="4000500"/>
          </a:xfrm>
        </p:spPr>
        <p:txBody>
          <a:bodyPr/>
          <a:lstStyle>
            <a:lvl1pPr>
              <a:lnSpc>
                <a:spcPct val="100000"/>
              </a:lnSpc>
              <a:defRPr sz="6000" spc="-300"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7" name="Subtitle 2">
            <a:extLst>
              <a:ext uri="{FF2B5EF4-FFF2-40B4-BE49-F238E27FC236}">
                <a16:creationId xmlns:a16="http://schemas.microsoft.com/office/drawing/2014/main" id="{A88DEE54-AD7D-6357-541F-77DFAFE2F7F2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016000" y="5143500"/>
            <a:ext cx="7112000" cy="5715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/>
            </a:lvl9pPr>
          </a:lstStyle>
          <a:p>
            <a:r>
              <a:rPr lang="en-US" dirty="0"/>
              <a:t>Click to add text</a:t>
            </a:r>
          </a:p>
        </p:txBody>
      </p:sp>
      <p:sp>
        <p:nvSpPr>
          <p:cNvPr id="8" name="Text Placeholder logo">
            <a:extLst>
              <a:ext uri="{FF2B5EF4-FFF2-40B4-BE49-F238E27FC236}">
                <a16:creationId xmlns:a16="http://schemas.microsoft.com/office/drawing/2014/main" id="{99992B8E-2755-D334-48EB-880B817594C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016000" y="6090767"/>
            <a:ext cx="661414" cy="195733"/>
          </a:xfrm>
          <a:blipFill>
            <a:blip r:embed="rId2"/>
            <a:srcRect/>
            <a:stretch>
              <a:fillRect l="-39" r="-39"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  <p:sp>
        <p:nvSpPr>
          <p:cNvPr id="13" name="Date_DateCustomA" hidden="1">
            <a:extLst>
              <a:ext uri="{FF2B5EF4-FFF2-40B4-BE49-F238E27FC236}">
                <a16:creationId xmlns:a16="http://schemas.microsoft.com/office/drawing/2014/main" id="{BDE2133D-F949-2B78-1FB8-2497C0F9543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14" name="FLD_PresentationTitle" hidden="1">
            <a:extLst>
              <a:ext uri="{FF2B5EF4-FFF2-40B4-BE49-F238E27FC236}">
                <a16:creationId xmlns:a16="http://schemas.microsoft.com/office/drawing/2014/main" id="{B0AEC2B2-1751-BF9A-070E-37CF02B003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  <p:sp>
        <p:nvSpPr>
          <p:cNvPr id="15" name="Slide Number Placeholder 5" hidden="1">
            <a:extLst>
              <a:ext uri="{FF2B5EF4-FFF2-40B4-BE49-F238E27FC236}">
                <a16:creationId xmlns:a16="http://schemas.microsoft.com/office/drawing/2014/main" id="{017562DB-CBFA-21AA-7D2C-9943DAF434C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446377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push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ro. Light picture.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10">
            <a:extLst>
              <a:ext uri="{FF2B5EF4-FFF2-40B4-BE49-F238E27FC236}">
                <a16:creationId xmlns:a16="http://schemas.microsoft.com/office/drawing/2014/main" id="{03339083-32F6-B6AC-9B07-EBC1CF9E345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2"/>
            <a:ext cx="12192000" cy="6858001"/>
          </a:xfrm>
          <a:solidFill>
            <a:srgbClr val="D7D9DC"/>
          </a:solidFill>
        </p:spPr>
        <p:txBody>
          <a:bodyPr lIns="72000" tIns="72000" rIns="72000" anchor="t" anchorCtr="0"/>
          <a:lstStyle>
            <a:lvl1pPr marL="0" indent="0" algn="ctr">
              <a:buNone/>
              <a:defRPr sz="1600"/>
            </a:lvl1pPr>
          </a:lstStyle>
          <a:p>
            <a:r>
              <a:rPr lang="en-US" dirty="0"/>
              <a:t>Activate the frame go to Templafy -&gt; Photos to select a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697DF23-1386-F624-BC3A-8FA3598A60B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16000" y="1143000"/>
            <a:ext cx="7112000" cy="4000500"/>
          </a:xfrm>
        </p:spPr>
        <p:txBody>
          <a:bodyPr/>
          <a:lstStyle>
            <a:lvl1pPr>
              <a:lnSpc>
                <a:spcPct val="100000"/>
              </a:lnSpc>
              <a:defRPr sz="6000" spc="-300"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7" name="Subtitle 2">
            <a:extLst>
              <a:ext uri="{FF2B5EF4-FFF2-40B4-BE49-F238E27FC236}">
                <a16:creationId xmlns:a16="http://schemas.microsoft.com/office/drawing/2014/main" id="{A88DEE54-AD7D-6357-541F-77DFAFE2F7F2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016000" y="5143500"/>
            <a:ext cx="7112000" cy="571499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/>
            </a:lvl9pPr>
          </a:lstStyle>
          <a:p>
            <a:r>
              <a:rPr lang="en-US" dirty="0"/>
              <a:t>Click to add text</a:t>
            </a:r>
          </a:p>
        </p:txBody>
      </p:sp>
      <p:sp>
        <p:nvSpPr>
          <p:cNvPr id="8" name="Text Placeholder logo">
            <a:extLst>
              <a:ext uri="{FF2B5EF4-FFF2-40B4-BE49-F238E27FC236}">
                <a16:creationId xmlns:a16="http://schemas.microsoft.com/office/drawing/2014/main" id="{99992B8E-2755-D334-48EB-880B817594C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016000" y="6090767"/>
            <a:ext cx="661414" cy="195733"/>
          </a:xfrm>
          <a:blipFill>
            <a:blip r:embed="rId2"/>
            <a:srcRect/>
            <a:stretch>
              <a:fillRect l="-39" r="-39"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  <p:sp>
        <p:nvSpPr>
          <p:cNvPr id="5" name="Date_DateCustomA" hidden="1">
            <a:extLst>
              <a:ext uri="{FF2B5EF4-FFF2-40B4-BE49-F238E27FC236}">
                <a16:creationId xmlns:a16="http://schemas.microsoft.com/office/drawing/2014/main" id="{6156D200-358D-8DB0-B3B5-7FAC7BC8DD1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968453-BAB5-46CE-A4CF-38551120EE52}" type="datetime3">
              <a:rPr lang="en-US" smtClean="0"/>
              <a:t>14 December 2023</a:t>
            </a:fld>
            <a:endParaRPr lang="en-US" dirty="0"/>
          </a:p>
        </p:txBody>
      </p:sp>
      <p:sp>
        <p:nvSpPr>
          <p:cNvPr id="9" name="FLD_PresentationTitle" hidden="1">
            <a:extLst>
              <a:ext uri="{FF2B5EF4-FFF2-40B4-BE49-F238E27FC236}">
                <a16:creationId xmlns:a16="http://schemas.microsoft.com/office/drawing/2014/main" id="{491E8687-937F-340F-55F7-BA011ADBAFC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 dirty="0"/>
              <a:t>Add place via Insert, Header &amp; Footer</a:t>
            </a:r>
          </a:p>
        </p:txBody>
      </p:sp>
      <p:sp>
        <p:nvSpPr>
          <p:cNvPr id="10" name="Slide Number Placeholder 5" hidden="1">
            <a:extLst>
              <a:ext uri="{FF2B5EF4-FFF2-40B4-BE49-F238E27FC236}">
                <a16:creationId xmlns:a16="http://schemas.microsoft.com/office/drawing/2014/main" id="{751CD079-A686-3C13-193B-112E312994F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752184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slow">
    <p:push/>
  </p:transition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_rels/slideMaster2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8.xml"/><Relationship Id="rId18" Type="http://schemas.openxmlformats.org/officeDocument/2006/relationships/slideLayout" Target="../slideLayouts/slideLayout23.xml"/><Relationship Id="rId26" Type="http://schemas.openxmlformats.org/officeDocument/2006/relationships/slideLayout" Target="../slideLayouts/slideLayout31.xml"/><Relationship Id="rId39" Type="http://schemas.openxmlformats.org/officeDocument/2006/relationships/theme" Target="../theme/theme2.xml"/><Relationship Id="rId21" Type="http://schemas.openxmlformats.org/officeDocument/2006/relationships/slideLayout" Target="../slideLayouts/slideLayout26.xml"/><Relationship Id="rId34" Type="http://schemas.openxmlformats.org/officeDocument/2006/relationships/slideLayout" Target="../slideLayouts/slideLayout39.xml"/><Relationship Id="rId7" Type="http://schemas.openxmlformats.org/officeDocument/2006/relationships/slideLayout" Target="../slideLayouts/slideLayout12.xml"/><Relationship Id="rId12" Type="http://schemas.openxmlformats.org/officeDocument/2006/relationships/slideLayout" Target="../slideLayouts/slideLayout17.xml"/><Relationship Id="rId17" Type="http://schemas.openxmlformats.org/officeDocument/2006/relationships/slideLayout" Target="../slideLayouts/slideLayout22.xml"/><Relationship Id="rId25" Type="http://schemas.openxmlformats.org/officeDocument/2006/relationships/slideLayout" Target="../slideLayouts/slideLayout30.xml"/><Relationship Id="rId33" Type="http://schemas.openxmlformats.org/officeDocument/2006/relationships/slideLayout" Target="../slideLayouts/slideLayout38.xml"/><Relationship Id="rId38" Type="http://schemas.openxmlformats.org/officeDocument/2006/relationships/slideLayout" Target="../slideLayouts/slideLayout43.xml"/><Relationship Id="rId2" Type="http://schemas.openxmlformats.org/officeDocument/2006/relationships/slideLayout" Target="../slideLayouts/slideLayout7.xml"/><Relationship Id="rId16" Type="http://schemas.openxmlformats.org/officeDocument/2006/relationships/slideLayout" Target="../slideLayouts/slideLayout21.xml"/><Relationship Id="rId20" Type="http://schemas.openxmlformats.org/officeDocument/2006/relationships/slideLayout" Target="../slideLayouts/slideLayout25.xml"/><Relationship Id="rId29" Type="http://schemas.openxmlformats.org/officeDocument/2006/relationships/slideLayout" Target="../slideLayouts/slideLayout34.xml"/><Relationship Id="rId1" Type="http://schemas.openxmlformats.org/officeDocument/2006/relationships/slideLayout" Target="../slideLayouts/slideLayout6.xml"/><Relationship Id="rId6" Type="http://schemas.openxmlformats.org/officeDocument/2006/relationships/slideLayout" Target="../slideLayouts/slideLayout11.xml"/><Relationship Id="rId11" Type="http://schemas.openxmlformats.org/officeDocument/2006/relationships/slideLayout" Target="../slideLayouts/slideLayout16.xml"/><Relationship Id="rId24" Type="http://schemas.openxmlformats.org/officeDocument/2006/relationships/slideLayout" Target="../slideLayouts/slideLayout29.xml"/><Relationship Id="rId32" Type="http://schemas.openxmlformats.org/officeDocument/2006/relationships/slideLayout" Target="../slideLayouts/slideLayout37.xml"/><Relationship Id="rId37" Type="http://schemas.openxmlformats.org/officeDocument/2006/relationships/slideLayout" Target="../slideLayouts/slideLayout42.xml"/><Relationship Id="rId5" Type="http://schemas.openxmlformats.org/officeDocument/2006/relationships/slideLayout" Target="../slideLayouts/slideLayout10.xml"/><Relationship Id="rId15" Type="http://schemas.openxmlformats.org/officeDocument/2006/relationships/slideLayout" Target="../slideLayouts/slideLayout20.xml"/><Relationship Id="rId23" Type="http://schemas.openxmlformats.org/officeDocument/2006/relationships/slideLayout" Target="../slideLayouts/slideLayout28.xml"/><Relationship Id="rId28" Type="http://schemas.openxmlformats.org/officeDocument/2006/relationships/slideLayout" Target="../slideLayouts/slideLayout33.xml"/><Relationship Id="rId36" Type="http://schemas.openxmlformats.org/officeDocument/2006/relationships/slideLayout" Target="../slideLayouts/slideLayout41.xml"/><Relationship Id="rId10" Type="http://schemas.openxmlformats.org/officeDocument/2006/relationships/slideLayout" Target="../slideLayouts/slideLayout15.xml"/><Relationship Id="rId19" Type="http://schemas.openxmlformats.org/officeDocument/2006/relationships/slideLayout" Target="../slideLayouts/slideLayout24.xml"/><Relationship Id="rId31" Type="http://schemas.openxmlformats.org/officeDocument/2006/relationships/slideLayout" Target="../slideLayouts/slideLayout36.xml"/><Relationship Id="rId4" Type="http://schemas.openxmlformats.org/officeDocument/2006/relationships/slideLayout" Target="../slideLayouts/slideLayout9.xml"/><Relationship Id="rId9" Type="http://schemas.openxmlformats.org/officeDocument/2006/relationships/slideLayout" Target="../slideLayouts/slideLayout14.xml"/><Relationship Id="rId14" Type="http://schemas.openxmlformats.org/officeDocument/2006/relationships/slideLayout" Target="../slideLayouts/slideLayout19.xml"/><Relationship Id="rId22" Type="http://schemas.openxmlformats.org/officeDocument/2006/relationships/slideLayout" Target="../slideLayouts/slideLayout27.xml"/><Relationship Id="rId27" Type="http://schemas.openxmlformats.org/officeDocument/2006/relationships/slideLayout" Target="../slideLayouts/slideLayout32.xml"/><Relationship Id="rId30" Type="http://schemas.openxmlformats.org/officeDocument/2006/relationships/slideLayout" Target="../slideLayouts/slideLayout35.xml"/><Relationship Id="rId35" Type="http://schemas.openxmlformats.org/officeDocument/2006/relationships/slideLayout" Target="../slideLayouts/slideLayout40.xml"/><Relationship Id="rId8" Type="http://schemas.openxmlformats.org/officeDocument/2006/relationships/slideLayout" Target="../slideLayouts/slideLayout13.xml"/><Relationship Id="rId3" Type="http://schemas.openxmlformats.org/officeDocument/2006/relationships/slideLayout" Target="../slideLayouts/slideLayout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Google Shape;10;p36"/>
          <p:cNvSpPr txBox="1">
            <a:spLocks noGrp="1"/>
          </p:cNvSpPr>
          <p:nvPr>
            <p:ph type="title"/>
          </p:nvPr>
        </p:nvSpPr>
        <p:spPr>
          <a:xfrm>
            <a:off x="442914" y="432001"/>
            <a:ext cx="11306175" cy="138727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rmAutofit/>
          </a:bodyPr>
          <a:lstStyle>
            <a:lvl1pPr marR="0" lvl="0" algn="l" rtl="0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Georgia"/>
              <a:buNone/>
              <a:defRPr sz="2400" b="0" i="0" u="none" strike="noStrike" cap="none">
                <a:solidFill>
                  <a:schemeClr val="dk1"/>
                </a:solidFill>
                <a:latin typeface="Georgia"/>
                <a:ea typeface="Georgia"/>
                <a:cs typeface="Georgia"/>
                <a:sym typeface="Georgia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8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11" name="Google Shape;11;p36"/>
          <p:cNvSpPr txBox="1">
            <a:spLocks noGrp="1"/>
          </p:cNvSpPr>
          <p:nvPr>
            <p:ph type="body" idx="1"/>
          </p:nvPr>
        </p:nvSpPr>
        <p:spPr>
          <a:xfrm>
            <a:off x="442914" y="2103438"/>
            <a:ext cx="11306175" cy="40687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marR="0" lvl="0" indent="-2286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Pts val="1350"/>
              <a:buFont typeface="Arial"/>
              <a:buNone/>
              <a:defRPr sz="1350" b="1" i="0" u="none" strike="noStrike" cap="none">
                <a:solidFill>
                  <a:schemeClr val="accent1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L="914400" marR="0" lvl="1" indent="-228600" algn="l" rtl="0">
              <a:lnSpc>
                <a:spcPct val="100000"/>
              </a:lnSpc>
              <a:spcBef>
                <a:spcPts val="90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1371600" marR="0" lvl="2" indent="-304800" algn="l" rtl="0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Char char="•"/>
              <a:defRPr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1828800" marR="0" lvl="3" indent="-304800" algn="l" rtl="0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Char char="–"/>
              <a:defRPr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2286000" marR="0" lvl="4" indent="-304800" algn="l" rtl="0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Char char="•"/>
              <a:defRPr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2743200" marR="0" lvl="5" indent="-304800" algn="l" rtl="0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Char char="–"/>
              <a:defRPr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3200400" marR="0" lvl="6" indent="-304800" algn="l" rtl="0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Char char="•"/>
              <a:defRPr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3657600" marR="0" lvl="7" indent="-304800" algn="l" rtl="0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Char char="–"/>
              <a:defRPr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4114800" marR="0" lvl="8" indent="-304800" algn="l" rtl="0">
              <a:lnSpc>
                <a:spcPct val="100000"/>
              </a:lnSpc>
              <a:spcBef>
                <a:spcPts val="450"/>
              </a:spcBef>
              <a:spcAft>
                <a:spcPts val="450"/>
              </a:spcAft>
              <a:buClr>
                <a:schemeClr val="dk1"/>
              </a:buClr>
              <a:buSzPts val="1200"/>
              <a:buFont typeface="Arial"/>
              <a:buChar char="•"/>
              <a:defRPr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12" name="Google Shape;12;p36"/>
          <p:cNvSpPr txBox="1">
            <a:spLocks noGrp="1"/>
          </p:cNvSpPr>
          <p:nvPr>
            <p:ph type="ftr" idx="11"/>
          </p:nvPr>
        </p:nvSpPr>
        <p:spPr>
          <a:xfrm>
            <a:off x="442912" y="6355080"/>
            <a:ext cx="5473701" cy="13716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lang="da-DK" sz="750">
                <a:solidFill>
                  <a:schemeClr val="tx1"/>
                </a:solidFill>
              </a:defRPr>
            </a:lvl1pPr>
          </a:lstStyle>
          <a:p>
            <a:r>
              <a:rPr lang="da-DK"/>
              <a:t>Cyber Agenda 2024</a:t>
            </a:r>
          </a:p>
        </p:txBody>
      </p:sp>
      <p:sp>
        <p:nvSpPr>
          <p:cNvPr id="13" name="Google Shape;13;p36"/>
          <p:cNvSpPr txBox="1">
            <a:spLocks noGrp="1"/>
          </p:cNvSpPr>
          <p:nvPr>
            <p:ph type="sldNum" idx="12"/>
          </p:nvPr>
        </p:nvSpPr>
        <p:spPr>
          <a:xfrm>
            <a:off x="9984296" y="6492240"/>
            <a:ext cx="1764792" cy="13716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lang="da-DK" sz="750" smtClean="0">
                <a:solidFill>
                  <a:schemeClr val="tx1"/>
                </a:solidFill>
              </a:defRPr>
            </a:lvl1pPr>
          </a:lstStyle>
          <a:p>
            <a:fld id="{6EF4E746-09C3-4D21-A3C3-742C623B8F82}" type="slidenum">
              <a:rPr lang="da-DK" smtClean="0"/>
              <a:pPr/>
              <a:t>‹#›</a:t>
            </a:fld>
            <a:endParaRPr lang="da-DK"/>
          </a:p>
        </p:txBody>
      </p:sp>
      <p:sp>
        <p:nvSpPr>
          <p:cNvPr id="2" name="PwCFirm">
            <a:extLst>
              <a:ext uri="{FF2B5EF4-FFF2-40B4-BE49-F238E27FC236}">
                <a16:creationId xmlns:a16="http://schemas.microsoft.com/office/drawing/2014/main" id="{7DF00C74-1504-ADC1-B5C7-01B1736334DB}"/>
              </a:ext>
            </a:extLst>
          </p:cNvPr>
          <p:cNvSpPr txBox="1"/>
          <p:nvPr userDrawn="1"/>
        </p:nvSpPr>
        <p:spPr>
          <a:xfrm>
            <a:off x="442913" y="6492240"/>
            <a:ext cx="5473700" cy="137160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>
              <a:defRPr sz="750">
                <a:solidFill>
                  <a:schemeClr val="tx1"/>
                </a:solidFill>
              </a:defRPr>
            </a:lvl1pPr>
          </a:lstStyle>
          <a:p>
            <a:pPr lvl="0" algn="l"/>
            <a:r>
              <a:rPr lang="da-DK"/>
              <a:t>PwC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66DCE11-13FA-ACA6-2268-CB065DB5D42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9984296" y="6355080"/>
            <a:ext cx="1764792" cy="13716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da-DK" sz="750" smtClean="0">
                <a:solidFill>
                  <a:schemeClr val="tx1"/>
                </a:solidFill>
              </a:defRPr>
            </a:lvl1pPr>
          </a:lstStyle>
          <a:p>
            <a:endParaRPr lang="da-DK"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</p:sldLayoutIdLst>
  <p:hf sldNum="0"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  <p:extLst>
    <p:ext uri="{27BBF7A9-308A-43DC-89C8-2F10F3537804}">
      <p15:sldGuideLst xmlns:p15="http://schemas.microsoft.com/office/powerpoint/2012/main">
        <p15:guide id="1" pos="5120">
          <p15:clr>
            <a:srgbClr val="F26B43"/>
          </p15:clr>
        </p15:guide>
        <p15:guide id="2" pos="372">
          <p15:clr>
            <a:srgbClr val="F26B43"/>
          </p15:clr>
        </p15:guide>
        <p15:guide id="3" pos="9868">
          <p15:clr>
            <a:srgbClr val="F26B43"/>
          </p15:clr>
        </p15:guide>
        <p15:guide id="4" pos="5271">
          <p15:clr>
            <a:srgbClr val="F26B43"/>
          </p15:clr>
        </p15:guide>
        <p15:guide id="5" pos="4969">
          <p15:clr>
            <a:srgbClr val="F26B43"/>
          </p15:clr>
        </p15:guide>
        <p15:guide id="6" orient="horz" pos="3888">
          <p15:clr>
            <a:srgbClr val="F26B43"/>
          </p15:clr>
        </p15:guide>
        <p15:guide id="7" pos="3635">
          <p15:clr>
            <a:srgbClr val="F26B43"/>
          </p15:clr>
        </p15:guide>
        <p15:guide id="8" pos="3336">
          <p15:clr>
            <a:srgbClr val="F26B43"/>
          </p15:clr>
        </p15:guide>
        <p15:guide id="9" pos="6603">
          <p15:clr>
            <a:srgbClr val="F26B43"/>
          </p15:clr>
        </p15:guide>
        <p15:guide id="10" pos="6903">
          <p15:clr>
            <a:srgbClr val="F26B43"/>
          </p15:clr>
        </p15:guide>
        <p15:guide id="11" orient="horz" pos="2160">
          <p15:clr>
            <a:srgbClr val="F26B43"/>
          </p15:clr>
        </p15:guide>
        <p15:guide id="12" orient="horz" pos="1325">
          <p15:clr>
            <a:srgbClr val="F26B43"/>
          </p15:clr>
        </p15:guide>
        <p15:guide id="13" orient="horz" pos="1146">
          <p15:clr>
            <a:srgbClr val="F26B43"/>
          </p15:clr>
        </p15:guide>
        <p15:guide id="14" orient="horz" pos="270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16000" y="571501"/>
            <a:ext cx="10160000" cy="5715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16000" y="1714499"/>
            <a:ext cx="10160000" cy="400050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, </a:t>
            </a:r>
            <a:r>
              <a:rPr lang="en-US" dirty="0"/>
              <a:t>Header Arial Bold 14</a:t>
            </a:r>
            <a:endParaRPr lang="en-US" noProof="0" dirty="0"/>
          </a:p>
          <a:p>
            <a:pPr lvl="4"/>
            <a:r>
              <a:rPr lang="en-US" noProof="0" dirty="0"/>
              <a:t>Fifth level, </a:t>
            </a:r>
            <a:r>
              <a:rPr lang="en-US" dirty="0"/>
              <a:t>Body Arial 14</a:t>
            </a:r>
            <a:endParaRPr lang="en-US" noProof="0" dirty="0"/>
          </a:p>
          <a:p>
            <a:pPr lvl="5"/>
            <a:r>
              <a:rPr lang="en-US" dirty="0"/>
              <a:t>6 Level, Small Bullet Arial 11</a:t>
            </a:r>
            <a:endParaRPr lang="en-US" noProof="0" dirty="0"/>
          </a:p>
          <a:p>
            <a:pPr lvl="6"/>
            <a:r>
              <a:rPr lang="en-US" noProof="0" dirty="0"/>
              <a:t>7 </a:t>
            </a:r>
            <a:r>
              <a:rPr lang="en-US" dirty="0"/>
              <a:t>Level, Small Header Arial 11</a:t>
            </a:r>
            <a:endParaRPr lang="en-US" noProof="0" dirty="0"/>
          </a:p>
          <a:p>
            <a:pPr lvl="7"/>
            <a:r>
              <a:rPr lang="en-US" noProof="0" dirty="0"/>
              <a:t>8 </a:t>
            </a:r>
            <a:r>
              <a:rPr lang="en-US" dirty="0"/>
              <a:t>Level, Small Body Arial 11</a:t>
            </a:r>
            <a:endParaRPr lang="en-US" noProof="0" dirty="0"/>
          </a:p>
          <a:p>
            <a:pPr lvl="8"/>
            <a:r>
              <a:rPr lang="en-US" noProof="0" dirty="0"/>
              <a:t>9 </a:t>
            </a:r>
            <a:r>
              <a:rPr lang="en-US" dirty="0"/>
              <a:t>Level, Header Arial 28</a:t>
            </a:r>
            <a:endParaRPr lang="en-US" noProof="0" dirty="0"/>
          </a:p>
        </p:txBody>
      </p:sp>
      <p:sp>
        <p:nvSpPr>
          <p:cNvPr id="14" name="Slide Number Placeholder 13">
            <a:extLst>
              <a:ext uri="{FF2B5EF4-FFF2-40B4-BE49-F238E27FC236}">
                <a16:creationId xmlns:a16="http://schemas.microsoft.com/office/drawing/2014/main" id="{B2666F9E-5705-3CCC-1440-4054E7CD9AF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160000" y="6159233"/>
            <a:ext cx="1016000" cy="127266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lnSpc>
                <a:spcPct val="100000"/>
              </a:lnSpc>
              <a:defRPr sz="800">
                <a:solidFill>
                  <a:schemeClr val="tx1"/>
                </a:solidFill>
              </a:defRPr>
            </a:lvl1pPr>
          </a:lstStyle>
          <a:p>
            <a:fld id="{D0EF7201-F92F-4B08-8CD8-21667D02614A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2664273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5" r:id="rId1"/>
    <p:sldLayoutId id="2147483656" r:id="rId2"/>
    <p:sldLayoutId id="2147483657" r:id="rId3"/>
    <p:sldLayoutId id="2147483658" r:id="rId4"/>
    <p:sldLayoutId id="2147483659" r:id="rId5"/>
    <p:sldLayoutId id="2147483660" r:id="rId6"/>
    <p:sldLayoutId id="2147483661" r:id="rId7"/>
    <p:sldLayoutId id="2147483662" r:id="rId8"/>
    <p:sldLayoutId id="2147483663" r:id="rId9"/>
    <p:sldLayoutId id="2147483664" r:id="rId10"/>
    <p:sldLayoutId id="2147483665" r:id="rId11"/>
    <p:sldLayoutId id="2147483666" r:id="rId12"/>
    <p:sldLayoutId id="2147483667" r:id="rId13"/>
    <p:sldLayoutId id="2147483668" r:id="rId14"/>
    <p:sldLayoutId id="2147483669" r:id="rId15"/>
    <p:sldLayoutId id="2147483670" r:id="rId16"/>
    <p:sldLayoutId id="2147483671" r:id="rId17"/>
    <p:sldLayoutId id="2147483672" r:id="rId18"/>
    <p:sldLayoutId id="2147483673" r:id="rId19"/>
    <p:sldLayoutId id="2147483674" r:id="rId20"/>
    <p:sldLayoutId id="2147483675" r:id="rId21"/>
    <p:sldLayoutId id="2147483676" r:id="rId22"/>
    <p:sldLayoutId id="2147483677" r:id="rId23"/>
    <p:sldLayoutId id="2147483678" r:id="rId24"/>
    <p:sldLayoutId id="2147483679" r:id="rId25"/>
    <p:sldLayoutId id="2147483680" r:id="rId26"/>
    <p:sldLayoutId id="2147483681" r:id="rId27"/>
    <p:sldLayoutId id="2147483682" r:id="rId28"/>
    <p:sldLayoutId id="2147483683" r:id="rId29"/>
    <p:sldLayoutId id="2147483684" r:id="rId30"/>
    <p:sldLayoutId id="2147483685" r:id="rId31"/>
    <p:sldLayoutId id="2147483686" r:id="rId32"/>
    <p:sldLayoutId id="2147483687" r:id="rId33"/>
    <p:sldLayoutId id="2147483688" r:id="rId34"/>
    <p:sldLayoutId id="2147483689" r:id="rId35"/>
    <p:sldLayoutId id="2147483690" r:id="rId36"/>
    <p:sldLayoutId id="2147483691" r:id="rId37"/>
    <p:sldLayoutId id="2147483692" r:id="rId38"/>
  </p:sldLayoutIdLst>
  <p:transition spd="slow">
    <p:push/>
  </p:transition>
  <p:hf hd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3600" b="1" kern="1200" spc="-18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100000"/>
        </a:lnSpc>
        <a:spcBef>
          <a:spcPts val="100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270000" indent="-180000" algn="l" defTabSz="914400" rtl="0" eaLnBrk="1" latinLnBrk="0" hangingPunct="1">
        <a:lnSpc>
          <a:spcPct val="100000"/>
        </a:lnSpc>
        <a:spcBef>
          <a:spcPts val="100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360000" indent="-180000" algn="l" defTabSz="914400" rtl="0" eaLnBrk="1" latinLnBrk="0" hangingPunct="1">
        <a:lnSpc>
          <a:spcPct val="100000"/>
        </a:lnSpc>
        <a:spcBef>
          <a:spcPts val="100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0000"/>
        </a:lnSpc>
        <a:spcBef>
          <a:spcPts val="1000"/>
        </a:spcBef>
        <a:buFont typeface="Arial" panose="020B0604020202020204" pitchFamily="34" charset="0"/>
        <a:buChar char="​"/>
        <a:defRPr sz="14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1000"/>
        </a:spcBef>
        <a:buFont typeface="Arial" panose="020B0604020202020204" pitchFamily="34" charset="0"/>
        <a:buChar char="​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08000" indent="-108000" algn="l" defTabSz="914400" rtl="0" eaLnBrk="1" latinLnBrk="0" hangingPunct="1">
        <a:lnSpc>
          <a:spcPct val="100000"/>
        </a:lnSpc>
        <a:spcBef>
          <a:spcPts val="1000"/>
        </a:spcBef>
        <a:buFont typeface="Arial" panose="020B0604020202020204" pitchFamily="34" charset="0"/>
        <a:buChar char="•"/>
        <a:defRPr sz="1100" kern="120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1000"/>
        </a:spcBef>
        <a:buFont typeface="Arial" panose="020B0604020202020204" pitchFamily="34" charset="0"/>
        <a:buChar char="​"/>
        <a:defRPr sz="1100" b="1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100000"/>
        </a:lnSpc>
        <a:spcBef>
          <a:spcPts val="1000"/>
        </a:spcBef>
        <a:buFont typeface="Arial" panose="020B0604020202020204" pitchFamily="34" charset="0"/>
        <a:buChar char="​"/>
        <a:defRPr sz="1100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​"/>
        <a:defRPr sz="2800" b="1" kern="1200" spc="-18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640">
          <p15:clr>
            <a:srgbClr val="F26B43"/>
          </p15:clr>
        </p15:guide>
        <p15:guide id="2" pos="1280">
          <p15:clr>
            <a:srgbClr val="A4A3A4"/>
          </p15:clr>
        </p15:guide>
        <p15:guide id="3" orient="horz" pos="360">
          <p15:clr>
            <a:srgbClr val="F26B43"/>
          </p15:clr>
        </p15:guide>
        <p15:guide id="4" orient="horz" pos="3960">
          <p15:clr>
            <a:srgbClr val="F26B43"/>
          </p15:clr>
        </p15:guide>
        <p15:guide id="5" pos="1920">
          <p15:clr>
            <a:srgbClr val="A4A3A4"/>
          </p15:clr>
        </p15:guide>
        <p15:guide id="6" orient="horz" pos="720">
          <p15:clr>
            <a:srgbClr val="A4A3A4"/>
          </p15:clr>
        </p15:guide>
        <p15:guide id="7" orient="horz" pos="3600">
          <p15:clr>
            <a:srgbClr val="A4A3A4"/>
          </p15:clr>
        </p15:guide>
        <p15:guide id="8" pos="2560">
          <p15:clr>
            <a:srgbClr val="A4A3A4"/>
          </p15:clr>
        </p15:guide>
        <p15:guide id="9" orient="horz" pos="1080">
          <p15:clr>
            <a:srgbClr val="A4A3A4"/>
          </p15:clr>
        </p15:guide>
        <p15:guide id="10" orient="horz" pos="3240">
          <p15:clr>
            <a:srgbClr val="A4A3A4"/>
          </p15:clr>
        </p15:guide>
        <p15:guide id="11" pos="3200">
          <p15:clr>
            <a:srgbClr val="A4A3A4"/>
          </p15:clr>
        </p15:guide>
        <p15:guide id="12" orient="horz" pos="1440">
          <p15:clr>
            <a:srgbClr val="A4A3A4"/>
          </p15:clr>
        </p15:guide>
        <p15:guide id="13" orient="horz" pos="2880">
          <p15:clr>
            <a:srgbClr val="A4A3A4"/>
          </p15:clr>
        </p15:guide>
        <p15:guide id="14" pos="3840">
          <p15:clr>
            <a:srgbClr val="A4A3A4"/>
          </p15:clr>
        </p15:guide>
        <p15:guide id="15" orient="horz" pos="1800">
          <p15:clr>
            <a:srgbClr val="A4A3A4"/>
          </p15:clr>
        </p15:guide>
        <p15:guide id="16" orient="horz" pos="2520">
          <p15:clr>
            <a:srgbClr val="A4A3A4"/>
          </p15:clr>
        </p15:guide>
        <p15:guide id="17" pos="4480">
          <p15:clr>
            <a:srgbClr val="A4A3A4"/>
          </p15:clr>
        </p15:guide>
        <p15:guide id="18" orient="horz" pos="2160">
          <p15:clr>
            <a:srgbClr val="A4A3A4"/>
          </p15:clr>
        </p15:guide>
        <p15:guide id="19" pos="5120">
          <p15:clr>
            <a:srgbClr val="A4A3A4"/>
          </p15:clr>
        </p15:guide>
        <p15:guide id="20" pos="5760">
          <p15:clr>
            <a:srgbClr val="A4A3A4"/>
          </p15:clr>
        </p15:guide>
        <p15:guide id="21" pos="6400">
          <p15:clr>
            <a:srgbClr val="A4A3A4"/>
          </p15:clr>
        </p15:guide>
        <p15:guide id="22" pos="7040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9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1.png"/><Relationship Id="rId5" Type="http://schemas.openxmlformats.org/officeDocument/2006/relationships/image" Target="../media/image40.png"/><Relationship Id="rId4" Type="http://schemas.openxmlformats.org/officeDocument/2006/relationships/image" Target="../media/image39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21.png"/><Relationship Id="rId4" Type="http://schemas.openxmlformats.org/officeDocument/2006/relationships/image" Target="../media/image42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jp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1.png"/><Relationship Id="rId5" Type="http://schemas.openxmlformats.org/officeDocument/2006/relationships/image" Target="../media/image45.png"/><Relationship Id="rId4" Type="http://schemas.openxmlformats.org/officeDocument/2006/relationships/image" Target="../media/image44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46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jp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49.png"/><Relationship Id="rId4" Type="http://schemas.openxmlformats.org/officeDocument/2006/relationships/image" Target="../media/image48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21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54.png"/><Relationship Id="rId5" Type="http://schemas.openxmlformats.org/officeDocument/2006/relationships/image" Target="../media/image53.png"/><Relationship Id="rId4" Type="http://schemas.openxmlformats.org/officeDocument/2006/relationships/image" Target="../media/image52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5.jpg"/><Relationship Id="rId7" Type="http://schemas.openxmlformats.org/officeDocument/2006/relationships/image" Target="../media/image58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1.png"/><Relationship Id="rId5" Type="http://schemas.openxmlformats.org/officeDocument/2006/relationships/image" Target="../media/image57.png"/><Relationship Id="rId4" Type="http://schemas.openxmlformats.org/officeDocument/2006/relationships/image" Target="../media/image56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9.jp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21.png"/><Relationship Id="rId4" Type="http://schemas.openxmlformats.org/officeDocument/2006/relationships/image" Target="../media/image60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3.jpg"/><Relationship Id="rId5" Type="http://schemas.openxmlformats.org/officeDocument/2006/relationships/image" Target="../media/image22.jpg"/><Relationship Id="rId4" Type="http://schemas.openxmlformats.org/officeDocument/2006/relationships/image" Target="../media/image21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1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63.png"/><Relationship Id="rId5" Type="http://schemas.openxmlformats.org/officeDocument/2006/relationships/image" Target="../media/image21.png"/><Relationship Id="rId4" Type="http://schemas.openxmlformats.org/officeDocument/2006/relationships/image" Target="../media/image62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svg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37.xml"/><Relationship Id="rId5" Type="http://schemas.openxmlformats.org/officeDocument/2006/relationships/image" Target="../media/image27.png"/><Relationship Id="rId4" Type="http://schemas.openxmlformats.org/officeDocument/2006/relationships/image" Target="../media/image26.pn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1.bin"/><Relationship Id="rId13" Type="http://schemas.openxmlformats.org/officeDocument/2006/relationships/chart" Target="../charts/chart7.xml"/><Relationship Id="rId3" Type="http://schemas.openxmlformats.org/officeDocument/2006/relationships/slideLayout" Target="../slideLayouts/slideLayout38.xml"/><Relationship Id="rId7" Type="http://schemas.openxmlformats.org/officeDocument/2006/relationships/chart" Target="../charts/chart3.xml"/><Relationship Id="rId12" Type="http://schemas.openxmlformats.org/officeDocument/2006/relationships/chart" Target="../charts/chart6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chart" Target="../charts/chart2.xml"/><Relationship Id="rId11" Type="http://schemas.openxmlformats.org/officeDocument/2006/relationships/chart" Target="../charts/chart5.xml"/><Relationship Id="rId5" Type="http://schemas.openxmlformats.org/officeDocument/2006/relationships/chart" Target="../charts/chart1.xml"/><Relationship Id="rId10" Type="http://schemas.openxmlformats.org/officeDocument/2006/relationships/chart" Target="../charts/chart4.xml"/><Relationship Id="rId4" Type="http://schemas.openxmlformats.org/officeDocument/2006/relationships/notesSlide" Target="../notesSlides/notesSlide3.xml"/><Relationship Id="rId9" Type="http://schemas.openxmlformats.org/officeDocument/2006/relationships/image" Target="../media/image28.emf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chart" Target="../charts/chart8.xm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sv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38.xml"/><Relationship Id="rId4" Type="http://schemas.openxmlformats.org/officeDocument/2006/relationships/image" Target="../media/image31.sv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21.png"/><Relationship Id="rId4" Type="http://schemas.openxmlformats.org/officeDocument/2006/relationships/image" Target="../media/image34.jp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37.png"/><Relationship Id="rId5" Type="http://schemas.openxmlformats.org/officeDocument/2006/relationships/image" Target="../media/image21.png"/><Relationship Id="rId4" Type="http://schemas.openxmlformats.org/officeDocument/2006/relationships/image" Target="../media/image3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844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445" name="Google Shape;8445;g1042e732a65_0_345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0" y="0"/>
            <a:ext cx="12192000" cy="6857999"/>
          </a:xfrm>
          <a:prstGeom prst="rect">
            <a:avLst/>
          </a:prstGeom>
          <a:noFill/>
          <a:ln>
            <a:noFill/>
          </a:ln>
        </p:spPr>
      </p:pic>
      <p:sp>
        <p:nvSpPr>
          <p:cNvPr id="8446" name="Google Shape;8446;g1042e732a65_0_345"/>
          <p:cNvSpPr/>
          <p:nvPr/>
        </p:nvSpPr>
        <p:spPr>
          <a:xfrm>
            <a:off x="2" y="2809875"/>
            <a:ext cx="7496100" cy="1295400"/>
          </a:xfrm>
          <a:prstGeom prst="rect">
            <a:avLst/>
          </a:prstGeom>
          <a:solidFill>
            <a:srgbClr val="EB8C00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600"/>
              <a:buFont typeface="Arial"/>
              <a:buNone/>
            </a:pPr>
            <a:r>
              <a:rPr lang="da-DK" sz="3600" b="0" i="0" u="none" strike="noStrike" cap="none" dirty="0" err="1">
                <a:solidFill>
                  <a:schemeClr val="lt1"/>
                </a:solidFill>
                <a:latin typeface="Georgia"/>
                <a:ea typeface="Georgia"/>
                <a:cs typeface="Georgia"/>
                <a:sym typeface="Georgia"/>
              </a:rPr>
              <a:t>Cyberagendaen</a:t>
            </a:r>
            <a:r>
              <a:rPr lang="da-DK" sz="3600" b="0" i="0" u="none" strike="noStrike" cap="none" dirty="0">
                <a:solidFill>
                  <a:schemeClr val="lt1"/>
                </a:solidFill>
                <a:latin typeface="Georgia"/>
                <a:ea typeface="Georgia"/>
                <a:cs typeface="Georgia"/>
                <a:sym typeface="Georgia"/>
              </a:rPr>
              <a:t> 2024</a:t>
            </a:r>
            <a:endParaRPr sz="3600" b="0" i="0" u="none" strike="noStrike" cap="none" dirty="0">
              <a:solidFill>
                <a:schemeClr val="lt1"/>
              </a:solidFill>
              <a:latin typeface="Georgia"/>
              <a:ea typeface="Georgia"/>
              <a:cs typeface="Georgia"/>
              <a:sym typeface="Georgia"/>
            </a:endParaRPr>
          </a:p>
        </p:txBody>
      </p:sp>
      <p:grpSp>
        <p:nvGrpSpPr>
          <p:cNvPr id="8447" name="Google Shape;8447;g1042e732a65_0_345"/>
          <p:cNvGrpSpPr/>
          <p:nvPr/>
        </p:nvGrpSpPr>
        <p:grpSpPr>
          <a:xfrm>
            <a:off x="0" y="2809875"/>
            <a:ext cx="12192000" cy="1295400"/>
            <a:chOff x="0" y="2809875"/>
            <a:chExt cx="12192000" cy="1295400"/>
          </a:xfrm>
        </p:grpSpPr>
        <p:cxnSp>
          <p:nvCxnSpPr>
            <p:cNvPr id="8448" name="Google Shape;8448;g1042e732a65_0_345"/>
            <p:cNvCxnSpPr/>
            <p:nvPr/>
          </p:nvCxnSpPr>
          <p:spPr>
            <a:xfrm>
              <a:off x="0" y="2809875"/>
              <a:ext cx="12192000" cy="0"/>
            </a:xfrm>
            <a:prstGeom prst="straightConnector1">
              <a:avLst/>
            </a:prstGeom>
            <a:noFill/>
            <a:ln w="57150" cap="flat" cmpd="sng">
              <a:solidFill>
                <a:schemeClr val="lt1"/>
              </a:solidFill>
              <a:prstDash val="solid"/>
              <a:miter lim="800000"/>
              <a:headEnd type="none" w="sm" len="sm"/>
              <a:tailEnd type="none" w="sm" len="sm"/>
            </a:ln>
          </p:spPr>
        </p:cxnSp>
        <p:cxnSp>
          <p:nvCxnSpPr>
            <p:cNvPr id="8449" name="Google Shape;8449;g1042e732a65_0_345"/>
            <p:cNvCxnSpPr>
              <a:cxnSpLocks/>
            </p:cNvCxnSpPr>
            <p:nvPr/>
          </p:nvCxnSpPr>
          <p:spPr>
            <a:xfrm>
              <a:off x="0" y="4073525"/>
              <a:ext cx="12192000" cy="31750"/>
            </a:xfrm>
            <a:prstGeom prst="straightConnector1">
              <a:avLst/>
            </a:prstGeom>
            <a:noFill/>
            <a:ln w="57150" cap="flat" cmpd="sng">
              <a:solidFill>
                <a:schemeClr val="lt1"/>
              </a:solidFill>
              <a:prstDash val="solid"/>
              <a:miter lim="800000"/>
              <a:headEnd type="none" w="sm" len="sm"/>
              <a:tailEnd type="none" w="sm" len="sm"/>
            </a:ln>
          </p:spPr>
        </p:cxnSp>
      </p:grpSp>
      <p:cxnSp>
        <p:nvCxnSpPr>
          <p:cNvPr id="8450" name="Google Shape;8450;g1042e732a65_0_345"/>
          <p:cNvCxnSpPr>
            <a:cxnSpLocks/>
          </p:cNvCxnSpPr>
          <p:nvPr/>
        </p:nvCxnSpPr>
        <p:spPr>
          <a:xfrm>
            <a:off x="7496175" y="2"/>
            <a:ext cx="0" cy="6857997"/>
          </a:xfrm>
          <a:prstGeom prst="straightConnector1">
            <a:avLst/>
          </a:prstGeom>
          <a:noFill/>
          <a:ln w="57150" cap="flat" cmpd="sng">
            <a:solidFill>
              <a:schemeClr val="lt1"/>
            </a:solidFill>
            <a:prstDash val="solid"/>
            <a:miter lim="800000"/>
            <a:headEnd type="none" w="sm" len="sm"/>
            <a:tailEnd type="none" w="sm" len="sm"/>
          </a:ln>
        </p:spPr>
      </p:cxnSp>
      <p:pic>
        <p:nvPicPr>
          <p:cNvPr id="8451" name="Google Shape;8451;g1042e732a65_0_345"/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461829" y="5191611"/>
            <a:ext cx="1773173" cy="1351183"/>
          </a:xfrm>
          <a:prstGeom prst="rect">
            <a:avLst/>
          </a:prstGeom>
          <a:noFill/>
          <a:ln>
            <a:noFill/>
          </a:ln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FF5D89E-0C92-DE94-70BE-3AB2B7619E32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fld id="{3A259B9E-3046-492A-827B-6EB02E8C5BD3}" type="slidenum">
              <a:rPr lang="da-DK" smtClean="0"/>
              <a:pPr/>
              <a:t>1</a:t>
            </a:fld>
            <a:endParaRPr lang="da-DK"/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7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4" name="Google Shape;174;g29d43c695c9_0_350"/>
          <p:cNvSpPr/>
          <p:nvPr/>
        </p:nvSpPr>
        <p:spPr>
          <a:xfrm flipH="1">
            <a:off x="-175" y="1038225"/>
            <a:ext cx="7179300" cy="876000"/>
          </a:xfrm>
          <a:prstGeom prst="rect">
            <a:avLst/>
          </a:prstGeom>
          <a:solidFill>
            <a:schemeClr val="lt1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600"/>
              <a:buFont typeface="Arial"/>
              <a:buNone/>
            </a:pPr>
            <a:endParaRPr sz="1600" b="0" i="0" u="none" strike="noStrike" cap="none">
              <a:solidFill>
                <a:schemeClr val="lt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177" name="Google Shape;177;g29d43c695c9_0_350"/>
          <p:cNvPicPr preferRelativeResize="0"/>
          <p:nvPr/>
        </p:nvPicPr>
        <p:blipFill rotWithShape="1">
          <a:blip r:embed="rId3">
            <a:alphaModFix/>
          </a:blip>
          <a:srcRect b="2238"/>
          <a:stretch/>
        </p:blipFill>
        <p:spPr>
          <a:xfrm>
            <a:off x="354925" y="152550"/>
            <a:ext cx="9379200" cy="6212250"/>
          </a:xfrm>
          <a:prstGeom prst="rect">
            <a:avLst/>
          </a:prstGeom>
          <a:noFill/>
          <a:ln>
            <a:noFill/>
          </a:ln>
        </p:spPr>
      </p:pic>
      <p:sp>
        <p:nvSpPr>
          <p:cNvPr id="178" name="Google Shape;178;g29d43c695c9_0_350"/>
          <p:cNvSpPr txBox="1"/>
          <p:nvPr/>
        </p:nvSpPr>
        <p:spPr>
          <a:xfrm>
            <a:off x="4989475" y="2645675"/>
            <a:ext cx="4064400" cy="3881400"/>
          </a:xfrm>
          <a:prstGeom prst="rect">
            <a:avLst/>
          </a:prstGeom>
          <a:solidFill>
            <a:schemeClr val="lt1"/>
          </a:solidFill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1350">
              <a:solidFill>
                <a:schemeClr val="accent1"/>
              </a:solidFill>
            </a:endParaRPr>
          </a:p>
        </p:txBody>
      </p:sp>
      <p:sp>
        <p:nvSpPr>
          <p:cNvPr id="179" name="Google Shape;179;g29d43c695c9_0_350"/>
          <p:cNvSpPr txBox="1"/>
          <p:nvPr/>
        </p:nvSpPr>
        <p:spPr>
          <a:xfrm>
            <a:off x="8253975" y="27350"/>
            <a:ext cx="1876800" cy="1801500"/>
          </a:xfrm>
          <a:prstGeom prst="rect">
            <a:avLst/>
          </a:prstGeom>
          <a:solidFill>
            <a:schemeClr val="lt1"/>
          </a:solidFill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1350">
              <a:solidFill>
                <a:schemeClr val="accent1"/>
              </a:solidFill>
            </a:endParaRPr>
          </a:p>
        </p:txBody>
      </p:sp>
      <p:pic>
        <p:nvPicPr>
          <p:cNvPr id="180" name="Google Shape;180;g29d43c695c9_0_350"/>
          <p:cNvPicPr preferRelativeResize="0"/>
          <p:nvPr/>
        </p:nvPicPr>
        <p:blipFill>
          <a:blip r:embed="rId4">
            <a:alphaModFix/>
          </a:blip>
          <a:stretch>
            <a:fillRect/>
          </a:stretch>
        </p:blipFill>
        <p:spPr>
          <a:xfrm>
            <a:off x="7193200" y="5661736"/>
            <a:ext cx="1390200" cy="510464"/>
          </a:xfrm>
          <a:prstGeom prst="rect">
            <a:avLst/>
          </a:prstGeom>
          <a:noFill/>
          <a:ln>
            <a:noFill/>
          </a:ln>
        </p:spPr>
      </p:pic>
      <p:sp>
        <p:nvSpPr>
          <p:cNvPr id="181" name="Google Shape;181;g29d43c695c9_0_350"/>
          <p:cNvSpPr txBox="1"/>
          <p:nvPr/>
        </p:nvSpPr>
        <p:spPr>
          <a:xfrm>
            <a:off x="4328825" y="4425700"/>
            <a:ext cx="1390200" cy="2083800"/>
          </a:xfrm>
          <a:prstGeom prst="rect">
            <a:avLst/>
          </a:prstGeom>
          <a:solidFill>
            <a:schemeClr val="lt1"/>
          </a:solidFill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1350">
              <a:solidFill>
                <a:schemeClr val="accent1"/>
              </a:solidFill>
            </a:endParaRPr>
          </a:p>
        </p:txBody>
      </p:sp>
      <p:pic>
        <p:nvPicPr>
          <p:cNvPr id="182" name="Google Shape;182;g29d43c695c9_0_350"/>
          <p:cNvPicPr preferRelativeResize="0"/>
          <p:nvPr/>
        </p:nvPicPr>
        <p:blipFill rotWithShape="1">
          <a:blip r:embed="rId5">
            <a:alphaModFix/>
          </a:blip>
          <a:srcRect l="8727" r="30875"/>
          <a:stretch/>
        </p:blipFill>
        <p:spPr>
          <a:xfrm>
            <a:off x="8912000" y="0"/>
            <a:ext cx="3280000" cy="6364800"/>
          </a:xfrm>
          <a:prstGeom prst="rect">
            <a:avLst/>
          </a:prstGeom>
          <a:noFill/>
          <a:ln>
            <a:noFill/>
          </a:ln>
        </p:spPr>
      </p:pic>
      <p:pic>
        <p:nvPicPr>
          <p:cNvPr id="183" name="Google Shape;183;g29d43c695c9_0_350"/>
          <p:cNvPicPr preferRelativeResize="0"/>
          <p:nvPr/>
        </p:nvPicPr>
        <p:blipFill rotWithShape="1">
          <a:blip r:embed="rId6">
            <a:alphaModFix/>
          </a:blip>
          <a:srcRect/>
          <a:stretch/>
        </p:blipFill>
        <p:spPr>
          <a:xfrm rot="-3865511">
            <a:off x="10267216" y="-1744592"/>
            <a:ext cx="3297796" cy="3297796"/>
          </a:xfrm>
          <a:prstGeom prst="rect">
            <a:avLst/>
          </a:prstGeom>
          <a:noFill/>
          <a:ln>
            <a:noFill/>
          </a:ln>
        </p:spPr>
      </p:pic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85DE00AC-C181-9303-7BE4-C4365CD06168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fld id="{7078A906-2D08-41E1-AB60-65B14A75BB60}" type="slidenum">
              <a:rPr lang="da-DK" smtClean="0"/>
              <a:pPr/>
              <a:t>10</a:t>
            </a:fld>
            <a:endParaRPr lang="da-DK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115671E-C1B3-1A2C-9EF3-A73E9133A6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A8DB0CD-198A-6CB6-9F42-7B433C3FA870}"/>
              </a:ext>
            </a:extLst>
          </p:cNvPr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da-DK"/>
              <a:t>Cyber Agenda 2024</a:t>
            </a:r>
          </a:p>
        </p:txBody>
      </p:sp>
    </p:spTree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8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9" name="Google Shape;189;g29d43c695c9_0_321"/>
          <p:cNvPicPr preferRelativeResize="0"/>
          <p:nvPr/>
        </p:nvPicPr>
        <p:blipFill rotWithShape="1">
          <a:blip r:embed="rId3">
            <a:alphaModFix/>
          </a:blip>
          <a:srcRect t="16242" b="28248"/>
          <a:stretch/>
        </p:blipFill>
        <p:spPr>
          <a:xfrm>
            <a:off x="-175" y="0"/>
            <a:ext cx="12191999" cy="1823075"/>
          </a:xfrm>
          <a:prstGeom prst="rect">
            <a:avLst/>
          </a:prstGeom>
          <a:noFill/>
          <a:ln>
            <a:noFill/>
          </a:ln>
        </p:spPr>
      </p:pic>
      <p:sp>
        <p:nvSpPr>
          <p:cNvPr id="190" name="Google Shape;190;g29d43c695c9_0_321"/>
          <p:cNvSpPr/>
          <p:nvPr/>
        </p:nvSpPr>
        <p:spPr>
          <a:xfrm flipH="1">
            <a:off x="-325" y="1038225"/>
            <a:ext cx="4398300" cy="876000"/>
          </a:xfrm>
          <a:prstGeom prst="rect">
            <a:avLst/>
          </a:prstGeom>
          <a:solidFill>
            <a:schemeClr val="lt1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600"/>
              <a:buFont typeface="Arial"/>
              <a:buNone/>
            </a:pPr>
            <a:endParaRPr sz="1600" b="0" i="0" u="none" strike="noStrike" cap="none">
              <a:solidFill>
                <a:schemeClr val="lt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94" name="Google Shape;194;g29d43c695c9_0_321"/>
          <p:cNvSpPr txBox="1"/>
          <p:nvPr/>
        </p:nvSpPr>
        <p:spPr>
          <a:xfrm>
            <a:off x="222375" y="2426352"/>
            <a:ext cx="3815100" cy="1924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da-DK" sz="4000" dirty="0">
                <a:solidFill>
                  <a:schemeClr val="accent4"/>
                </a:solidFill>
              </a:rPr>
              <a:t>51 </a:t>
            </a:r>
            <a:r>
              <a:rPr lang="da-DK" sz="4000" dirty="0">
                <a:solidFill>
                  <a:schemeClr val="accent4"/>
                </a:solidFill>
                <a:latin typeface="Arial"/>
                <a:ea typeface="Arial"/>
                <a:cs typeface="Arial"/>
                <a:sym typeface="Arial"/>
              </a:rPr>
              <a:t>%</a:t>
            </a:r>
            <a:endParaRPr dirty="0">
              <a:solidFill>
                <a:schemeClr val="accent4"/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None/>
            </a:pPr>
            <a:r>
              <a:rPr lang="da-DK" sz="2000" dirty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rPr>
              <a:t>af </a:t>
            </a:r>
            <a:r>
              <a:rPr lang="da-DK" sz="2000" dirty="0"/>
              <a:t>virksomhederne fortæller, at </a:t>
            </a:r>
            <a:r>
              <a:rPr lang="da-DK" sz="2000" dirty="0" err="1"/>
              <a:t>awareness</a:t>
            </a:r>
            <a:r>
              <a:rPr lang="da-DK" sz="2000" dirty="0"/>
              <a:t>-træning er deres højest prioriterede investering de næste 12 måneder</a:t>
            </a:r>
            <a:endParaRPr sz="2000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95" name="Google Shape;195;g29d43c695c9_0_321"/>
          <p:cNvSpPr/>
          <p:nvPr/>
        </p:nvSpPr>
        <p:spPr>
          <a:xfrm>
            <a:off x="4900950" y="2194775"/>
            <a:ext cx="1390200" cy="876000"/>
          </a:xfrm>
          <a:prstGeom prst="rect">
            <a:avLst/>
          </a:prstGeom>
          <a:solidFill>
            <a:schemeClr val="lt1"/>
          </a:solidFill>
          <a:ln w="9525" cap="flat" cmpd="sng">
            <a:solidFill>
              <a:schemeClr val="lt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pic>
        <p:nvPicPr>
          <p:cNvPr id="196" name="Google Shape;196;g29d43c695c9_0_321"/>
          <p:cNvPicPr preferRelativeResize="0"/>
          <p:nvPr/>
        </p:nvPicPr>
        <p:blipFill rotWithShape="1">
          <a:blip r:embed="rId4">
            <a:alphaModFix/>
          </a:blip>
          <a:srcRect l="5228" t="6942" r="12944"/>
          <a:stretch/>
        </p:blipFill>
        <p:spPr>
          <a:xfrm>
            <a:off x="4728725" y="1038225"/>
            <a:ext cx="7158299" cy="5346528"/>
          </a:xfrm>
          <a:prstGeom prst="rect">
            <a:avLst/>
          </a:prstGeom>
          <a:noFill/>
          <a:ln>
            <a:noFill/>
          </a:ln>
        </p:spPr>
      </p:pic>
      <p:grpSp>
        <p:nvGrpSpPr>
          <p:cNvPr id="197" name="Google Shape;197;g29d43c695c9_0_321"/>
          <p:cNvGrpSpPr/>
          <p:nvPr/>
        </p:nvGrpSpPr>
        <p:grpSpPr>
          <a:xfrm>
            <a:off x="167847" y="2103450"/>
            <a:ext cx="4318866" cy="2573950"/>
            <a:chOff x="963493" y="1961013"/>
            <a:chExt cx="18867917" cy="2573950"/>
          </a:xfrm>
        </p:grpSpPr>
        <p:cxnSp>
          <p:nvCxnSpPr>
            <p:cNvPr id="198" name="Google Shape;198;g29d43c695c9_0_321"/>
            <p:cNvCxnSpPr/>
            <p:nvPr/>
          </p:nvCxnSpPr>
          <p:spPr>
            <a:xfrm>
              <a:off x="963493" y="1961013"/>
              <a:ext cx="18283200" cy="9300"/>
            </a:xfrm>
            <a:prstGeom prst="straightConnector1">
              <a:avLst/>
            </a:prstGeom>
            <a:noFill/>
            <a:ln w="10150" cap="sq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p:spPr>
        </p:cxnSp>
        <p:sp>
          <p:nvSpPr>
            <p:cNvPr id="199" name="Google Shape;199;g29d43c695c9_0_321"/>
            <p:cNvSpPr txBox="1"/>
            <p:nvPr/>
          </p:nvSpPr>
          <p:spPr>
            <a:xfrm>
              <a:off x="1201711" y="1976138"/>
              <a:ext cx="18629699" cy="307777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0" tIns="0" rIns="0" bIns="0" anchor="t" anchorCtr="0">
              <a:sp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100"/>
                <a:buFont typeface="Arial"/>
                <a:buNone/>
              </a:pPr>
              <a:endParaRPr sz="2000" dirty="0">
                <a:solidFill>
                  <a:srgbClr val="DD405F"/>
                </a:solidFill>
              </a:endParaRPr>
            </a:p>
          </p:txBody>
        </p:sp>
        <p:cxnSp>
          <p:nvCxnSpPr>
            <p:cNvPr id="200" name="Google Shape;200;g29d43c695c9_0_321"/>
            <p:cNvCxnSpPr/>
            <p:nvPr/>
          </p:nvCxnSpPr>
          <p:spPr>
            <a:xfrm>
              <a:off x="1123104" y="4525363"/>
              <a:ext cx="18629700" cy="9600"/>
            </a:xfrm>
            <a:prstGeom prst="straightConnector1">
              <a:avLst/>
            </a:prstGeom>
            <a:noFill/>
            <a:ln w="10150" cap="sq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p:spPr>
        </p:cxnSp>
      </p:grpSp>
      <p:pic>
        <p:nvPicPr>
          <p:cNvPr id="201" name="Google Shape;201;g29d43c695c9_0_321"/>
          <p:cNvPicPr preferRelativeResize="0"/>
          <p:nvPr/>
        </p:nvPicPr>
        <p:blipFill rotWithShape="1">
          <a:blip r:embed="rId5">
            <a:alphaModFix/>
          </a:blip>
          <a:srcRect/>
          <a:stretch/>
        </p:blipFill>
        <p:spPr>
          <a:xfrm rot="-3865511">
            <a:off x="10267216" y="-1744592"/>
            <a:ext cx="3297796" cy="3297796"/>
          </a:xfrm>
          <a:prstGeom prst="rect">
            <a:avLst/>
          </a:prstGeom>
          <a:noFill/>
          <a:ln>
            <a:noFill/>
          </a:ln>
        </p:spPr>
      </p:pic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B924AE5B-2C5A-2F9E-F7A2-EC66E75C077B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fld id="{7078A906-2D08-41E1-AB60-65B14A75BB60}" type="slidenum">
              <a:rPr lang="da-DK" smtClean="0"/>
              <a:pPr/>
              <a:t>11</a:t>
            </a:fld>
            <a:endParaRPr lang="da-DK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92A58C1-B743-97D6-7C6F-03646D0B84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/>
          </a:p>
        </p:txBody>
      </p:sp>
    </p:spTree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0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7" name="Google Shape;207;g29d43c695c9_0_262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10" y="-7549"/>
            <a:ext cx="12192000" cy="1823082"/>
          </a:xfrm>
          <a:prstGeom prst="rect">
            <a:avLst/>
          </a:prstGeom>
          <a:noFill/>
          <a:ln>
            <a:noFill/>
          </a:ln>
        </p:spPr>
      </p:pic>
      <p:sp>
        <p:nvSpPr>
          <p:cNvPr id="208" name="Google Shape;208;g29d43c695c9_0_262"/>
          <p:cNvSpPr/>
          <p:nvPr/>
        </p:nvSpPr>
        <p:spPr>
          <a:xfrm flipH="1">
            <a:off x="0" y="1038225"/>
            <a:ext cx="4398300" cy="944100"/>
          </a:xfrm>
          <a:prstGeom prst="rect">
            <a:avLst/>
          </a:prstGeom>
          <a:solidFill>
            <a:schemeClr val="lt1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600"/>
              <a:buFont typeface="Arial"/>
              <a:buNone/>
            </a:pPr>
            <a:endParaRPr sz="1600" b="0" i="0" u="none" strike="noStrike" cap="none">
              <a:solidFill>
                <a:schemeClr val="lt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209" name="Google Shape;209;g29d43c695c9_0_262"/>
          <p:cNvPicPr preferRelativeResize="0"/>
          <p:nvPr/>
        </p:nvPicPr>
        <p:blipFill rotWithShape="1">
          <a:blip r:embed="rId4">
            <a:alphaModFix/>
          </a:blip>
          <a:srcRect t="2095" r="9090"/>
          <a:stretch/>
        </p:blipFill>
        <p:spPr>
          <a:xfrm>
            <a:off x="3293400" y="1517850"/>
            <a:ext cx="6214812" cy="4846950"/>
          </a:xfrm>
          <a:prstGeom prst="rect">
            <a:avLst/>
          </a:prstGeom>
          <a:noFill/>
          <a:ln>
            <a:noFill/>
          </a:ln>
        </p:spPr>
      </p:pic>
      <p:sp>
        <p:nvSpPr>
          <p:cNvPr id="210" name="Google Shape;210;g29d43c695c9_0_262"/>
          <p:cNvSpPr/>
          <p:nvPr/>
        </p:nvSpPr>
        <p:spPr>
          <a:xfrm>
            <a:off x="3272775" y="2226150"/>
            <a:ext cx="481500" cy="446400"/>
          </a:xfrm>
          <a:prstGeom prst="rect">
            <a:avLst/>
          </a:prstGeom>
          <a:solidFill>
            <a:schemeClr val="lt1"/>
          </a:solidFill>
          <a:ln w="9525" cap="flat" cmpd="sng">
            <a:solidFill>
              <a:schemeClr val="lt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pic>
        <p:nvPicPr>
          <p:cNvPr id="213" name="Google Shape;213;g29d43c695c9_0_262"/>
          <p:cNvPicPr preferRelativeResize="0"/>
          <p:nvPr/>
        </p:nvPicPr>
        <p:blipFill rotWithShape="1">
          <a:blip r:embed="rId5">
            <a:alphaModFix/>
          </a:blip>
          <a:srcRect l="6777" r="16287" b="23483"/>
          <a:stretch/>
        </p:blipFill>
        <p:spPr>
          <a:xfrm>
            <a:off x="9444975" y="1517850"/>
            <a:ext cx="2763025" cy="4846949"/>
          </a:xfrm>
          <a:prstGeom prst="rect">
            <a:avLst/>
          </a:prstGeom>
          <a:noFill/>
          <a:ln>
            <a:noFill/>
          </a:ln>
        </p:spPr>
      </p:pic>
      <p:pic>
        <p:nvPicPr>
          <p:cNvPr id="214" name="Google Shape;214;g29d43c695c9_0_262"/>
          <p:cNvPicPr preferRelativeResize="0"/>
          <p:nvPr/>
        </p:nvPicPr>
        <p:blipFill rotWithShape="1">
          <a:blip r:embed="rId6">
            <a:alphaModFix/>
          </a:blip>
          <a:srcRect/>
          <a:stretch/>
        </p:blipFill>
        <p:spPr>
          <a:xfrm rot="-3865511">
            <a:off x="-967084" y="5370158"/>
            <a:ext cx="3297796" cy="3297796"/>
          </a:xfrm>
          <a:prstGeom prst="rect">
            <a:avLst/>
          </a:prstGeom>
          <a:noFill/>
          <a:ln>
            <a:noFill/>
          </a:ln>
        </p:spPr>
      </p:pic>
      <p:grpSp>
        <p:nvGrpSpPr>
          <p:cNvPr id="215" name="Google Shape;215;g29d43c695c9_0_262"/>
          <p:cNvGrpSpPr/>
          <p:nvPr/>
        </p:nvGrpSpPr>
        <p:grpSpPr>
          <a:xfrm>
            <a:off x="304725" y="2298452"/>
            <a:ext cx="3449636" cy="3135969"/>
            <a:chOff x="613659" y="2734392"/>
            <a:chExt cx="6888251" cy="3668230"/>
          </a:xfrm>
        </p:grpSpPr>
        <p:cxnSp>
          <p:nvCxnSpPr>
            <p:cNvPr id="216" name="Google Shape;216;g29d43c695c9_0_262"/>
            <p:cNvCxnSpPr/>
            <p:nvPr/>
          </p:nvCxnSpPr>
          <p:spPr>
            <a:xfrm>
              <a:off x="622310" y="2734392"/>
              <a:ext cx="6879600" cy="0"/>
            </a:xfrm>
            <a:prstGeom prst="straightConnector1">
              <a:avLst/>
            </a:prstGeom>
            <a:noFill/>
            <a:ln w="10150" cap="sq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p:spPr>
        </p:cxnSp>
        <p:sp>
          <p:nvSpPr>
            <p:cNvPr id="217" name="Google Shape;217;g29d43c695c9_0_262"/>
            <p:cNvSpPr txBox="1"/>
            <p:nvPr/>
          </p:nvSpPr>
          <p:spPr>
            <a:xfrm>
              <a:off x="613659" y="2819722"/>
              <a:ext cx="6596700" cy="3582900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0" tIns="0" rIns="0" bIns="0" anchor="t" anchorCtr="0">
              <a:spAutoFit/>
            </a:bodyPr>
            <a:lstStyle/>
            <a:p>
              <a:pPr marL="0" lvl="0" indent="0" algn="l" rtl="0">
                <a:spcBef>
                  <a:spcPts val="600"/>
                </a:spcBef>
                <a:spcAft>
                  <a:spcPts val="0"/>
                </a:spcAft>
                <a:buClr>
                  <a:schemeClr val="dk1"/>
                </a:buClr>
                <a:buSzPts val="1100"/>
                <a:buFont typeface="Arial"/>
                <a:buNone/>
              </a:pPr>
              <a:r>
                <a:rPr lang="da-DK" sz="2000" dirty="0">
                  <a:solidFill>
                    <a:srgbClr val="DD405F"/>
                  </a:solidFill>
                </a:rPr>
                <a:t>Stadig flere virksomheder forventer at øge investeringerne i </a:t>
              </a:r>
              <a:r>
                <a:rPr lang="da-DK" sz="2000" dirty="0" err="1">
                  <a:solidFill>
                    <a:srgbClr val="DD405F"/>
                  </a:solidFill>
                </a:rPr>
                <a:t>cyber</a:t>
              </a:r>
              <a:r>
                <a:rPr lang="da-DK" sz="2000" dirty="0">
                  <a:solidFill>
                    <a:srgbClr val="DD405F"/>
                  </a:solidFill>
                </a:rPr>
                <a:t>- og informationssikkerhed, og årets Cybercrime </a:t>
              </a:r>
              <a:r>
                <a:rPr lang="da-DK" sz="2000" dirty="0" err="1">
                  <a:solidFill>
                    <a:srgbClr val="DD405F"/>
                  </a:solidFill>
                </a:rPr>
                <a:t>Survey</a:t>
              </a:r>
              <a:r>
                <a:rPr lang="da-DK" sz="2000" dirty="0">
                  <a:solidFill>
                    <a:srgbClr val="DD405F"/>
                  </a:solidFill>
                </a:rPr>
                <a:t> tydeliggør, at </a:t>
              </a:r>
              <a:r>
                <a:rPr lang="da-DK" sz="2000" dirty="0" err="1">
                  <a:solidFill>
                    <a:srgbClr val="DD405F"/>
                  </a:solidFill>
                </a:rPr>
                <a:t>cybersikkerhed</a:t>
              </a:r>
              <a:r>
                <a:rPr lang="da-DK" sz="2000" dirty="0">
                  <a:solidFill>
                    <a:srgbClr val="DD405F"/>
                  </a:solidFill>
                </a:rPr>
                <a:t> fortsat er i hastig udvikling og står højt på virksomhedernes liste over prioriteringer.</a:t>
              </a:r>
              <a:endParaRPr sz="2000" dirty="0">
                <a:solidFill>
                  <a:srgbClr val="DD405F"/>
                </a:solidFill>
              </a:endParaRPr>
            </a:p>
            <a:p>
              <a:pPr marL="0" marR="0" lvl="0" indent="0" algn="l" rtl="0">
                <a:lnSpc>
                  <a:spcPct val="100000"/>
                </a:lnSpc>
                <a:spcBef>
                  <a:spcPts val="600"/>
                </a:spcBef>
                <a:spcAft>
                  <a:spcPts val="0"/>
                </a:spcAft>
                <a:buClr>
                  <a:srgbClr val="000000"/>
                </a:buClr>
                <a:buSzPts val="1100"/>
                <a:buFont typeface="Arial"/>
                <a:buNone/>
              </a:pPr>
              <a:endParaRPr dirty="0">
                <a:solidFill>
                  <a:srgbClr val="DD405F"/>
                </a:solidFill>
              </a:endParaRPr>
            </a:p>
          </p:txBody>
        </p:sp>
        <p:cxnSp>
          <p:nvCxnSpPr>
            <p:cNvPr id="218" name="Google Shape;218;g29d43c695c9_0_262"/>
            <p:cNvCxnSpPr/>
            <p:nvPr/>
          </p:nvCxnSpPr>
          <p:spPr>
            <a:xfrm rot="10800000" flipH="1">
              <a:off x="622310" y="6135558"/>
              <a:ext cx="6413400" cy="15300"/>
            </a:xfrm>
            <a:prstGeom prst="straightConnector1">
              <a:avLst/>
            </a:prstGeom>
            <a:noFill/>
            <a:ln w="10150" cap="sq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p:spPr>
        </p:cxnSp>
      </p:grpSp>
      <p:pic>
        <p:nvPicPr>
          <p:cNvPr id="219" name="Google Shape;219;g29d43c695c9_0_262"/>
          <p:cNvPicPr preferRelativeResize="0"/>
          <p:nvPr/>
        </p:nvPicPr>
        <p:blipFill rotWithShape="1">
          <a:blip r:embed="rId6">
            <a:alphaModFix/>
          </a:blip>
          <a:srcRect/>
          <a:stretch/>
        </p:blipFill>
        <p:spPr>
          <a:xfrm rot="-3865511">
            <a:off x="10267216" y="-1744592"/>
            <a:ext cx="3297796" cy="3297796"/>
          </a:xfrm>
          <a:prstGeom prst="rect">
            <a:avLst/>
          </a:prstGeom>
          <a:noFill/>
          <a:ln>
            <a:noFill/>
          </a:ln>
        </p:spPr>
      </p:pic>
      <p:sp>
        <p:nvSpPr>
          <p:cNvPr id="220" name="Google Shape;220;g29d43c695c9_0_262"/>
          <p:cNvSpPr/>
          <p:nvPr/>
        </p:nvSpPr>
        <p:spPr>
          <a:xfrm>
            <a:off x="12013075" y="1517850"/>
            <a:ext cx="195000" cy="1101900"/>
          </a:xfrm>
          <a:prstGeom prst="rect">
            <a:avLst/>
          </a:prstGeom>
          <a:solidFill>
            <a:srgbClr val="F09E41"/>
          </a:solidFill>
          <a:ln w="9525" cap="flat" cmpd="sng">
            <a:solidFill>
              <a:srgbClr val="F09E4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21" name="Google Shape;221;g29d43c695c9_0_262"/>
          <p:cNvSpPr txBox="1"/>
          <p:nvPr/>
        </p:nvSpPr>
        <p:spPr>
          <a:xfrm>
            <a:off x="304725" y="1168600"/>
            <a:ext cx="3989400" cy="1400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/>
          <a:p>
            <a:pPr marL="0" lvl="0" indent="0" algn="l" rtl="0">
              <a:spcBef>
                <a:spcPts val="600"/>
              </a:spcBef>
              <a:spcAft>
                <a:spcPts val="0"/>
              </a:spcAft>
              <a:buClr>
                <a:schemeClr val="dk1"/>
              </a:buClr>
              <a:buSzPts val="1100"/>
              <a:buFont typeface="Arial"/>
              <a:buNone/>
            </a:pPr>
            <a:r>
              <a:rPr lang="da-DK" sz="2200">
                <a:solidFill>
                  <a:schemeClr val="dk1"/>
                </a:solidFill>
                <a:latin typeface="Georgia"/>
                <a:ea typeface="Georgia"/>
                <a:cs typeface="Georgia"/>
                <a:sym typeface="Georgia"/>
              </a:rPr>
              <a:t>To ud af tre virksomheder forventer at øge investeringerne i cybersikkerhed</a:t>
            </a:r>
            <a:endParaRPr sz="2200">
              <a:solidFill>
                <a:schemeClr val="dk1"/>
              </a:solidFill>
              <a:latin typeface="Georgia"/>
              <a:ea typeface="Georgia"/>
              <a:cs typeface="Georgia"/>
              <a:sym typeface="Georgia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0000"/>
              </a:buClr>
              <a:buSzPts val="2000"/>
              <a:buFont typeface="Arial"/>
              <a:buNone/>
            </a:pPr>
            <a:endParaRPr sz="2000">
              <a:solidFill>
                <a:schemeClr val="dk1"/>
              </a:solidFill>
              <a:latin typeface="Georgia"/>
              <a:ea typeface="Georgia"/>
              <a:cs typeface="Georgia"/>
              <a:sym typeface="Georgia"/>
            </a:endParaRPr>
          </a:p>
        </p:txBody>
      </p:sp>
      <p:sp>
        <p:nvSpPr>
          <p:cNvPr id="222" name="Google Shape;222;g29d43c695c9_0_262"/>
          <p:cNvSpPr/>
          <p:nvPr/>
        </p:nvSpPr>
        <p:spPr>
          <a:xfrm>
            <a:off x="-1965575" y="2103450"/>
            <a:ext cx="685800" cy="569100"/>
          </a:xfrm>
          <a:prstGeom prst="rect">
            <a:avLst/>
          </a:prstGeom>
          <a:solidFill>
            <a:schemeClr val="lt1"/>
          </a:solidFill>
          <a:ln w="9525" cap="flat" cmpd="sng">
            <a:solidFill>
              <a:schemeClr val="lt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33F6215B-43B1-E2CF-152E-4CBDB3272684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fld id="{7078A906-2D08-41E1-AB60-65B14A75BB60}" type="slidenum">
              <a:rPr lang="da-DK" smtClean="0"/>
              <a:pPr/>
              <a:t>12</a:t>
            </a:fld>
            <a:endParaRPr lang="da-DK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5A0D336-CCB7-08E8-BE64-A32E508C5CE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4B72815-C770-5429-2F4A-0094DFB4AD2D}"/>
              </a:ext>
            </a:extLst>
          </p:cNvPr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da-DK"/>
              <a:t>Cyber Agenda 2024</a:t>
            </a:r>
          </a:p>
        </p:txBody>
      </p:sp>
    </p:spTree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4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5" name="Google Shape;245;p15"/>
          <p:cNvSpPr/>
          <p:nvPr/>
        </p:nvSpPr>
        <p:spPr>
          <a:xfrm>
            <a:off x="0" y="0"/>
            <a:ext cx="12192000" cy="2214900"/>
          </a:xfrm>
          <a:prstGeom prst="rect">
            <a:avLst/>
          </a:prstGeom>
          <a:solidFill>
            <a:srgbClr val="E0E0E1"/>
          </a:solidFill>
          <a:ln w="9525" cap="flat" cmpd="sng">
            <a:solidFill>
              <a:srgbClr val="E0E0E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48" name="Google Shape;248;p15"/>
          <p:cNvSpPr txBox="1"/>
          <p:nvPr/>
        </p:nvSpPr>
        <p:spPr>
          <a:xfrm>
            <a:off x="2171150" y="2601638"/>
            <a:ext cx="4858500" cy="35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sp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1100">
              <a:solidFill>
                <a:srgbClr val="DD405F"/>
              </a:solidFill>
            </a:endParaRPr>
          </a:p>
        </p:txBody>
      </p:sp>
      <p:grpSp>
        <p:nvGrpSpPr>
          <p:cNvPr id="250" name="Google Shape;250;p15"/>
          <p:cNvGrpSpPr/>
          <p:nvPr/>
        </p:nvGrpSpPr>
        <p:grpSpPr>
          <a:xfrm>
            <a:off x="6327978" y="-358340"/>
            <a:ext cx="2039606" cy="2981118"/>
            <a:chOff x="239755" y="4818102"/>
            <a:chExt cx="3313200" cy="2981118"/>
          </a:xfrm>
        </p:grpSpPr>
        <p:cxnSp>
          <p:nvCxnSpPr>
            <p:cNvPr id="251" name="Google Shape;251;p15"/>
            <p:cNvCxnSpPr/>
            <p:nvPr/>
          </p:nvCxnSpPr>
          <p:spPr>
            <a:xfrm>
              <a:off x="239755" y="4818102"/>
              <a:ext cx="3313200" cy="0"/>
            </a:xfrm>
            <a:prstGeom prst="straightConnector1">
              <a:avLst/>
            </a:prstGeom>
            <a:noFill/>
            <a:ln w="10150" cap="sq" cmpd="sng">
              <a:solidFill>
                <a:srgbClr val="DB3A61"/>
              </a:solidFill>
              <a:prstDash val="solid"/>
              <a:round/>
              <a:headEnd type="none" w="sm" len="sm"/>
              <a:tailEnd type="none" w="sm" len="sm"/>
            </a:ln>
          </p:spPr>
        </p:cxnSp>
        <p:cxnSp>
          <p:nvCxnSpPr>
            <p:cNvPr id="252" name="Google Shape;252;p15"/>
            <p:cNvCxnSpPr/>
            <p:nvPr/>
          </p:nvCxnSpPr>
          <p:spPr>
            <a:xfrm>
              <a:off x="239755" y="7799220"/>
              <a:ext cx="3313200" cy="0"/>
            </a:xfrm>
            <a:prstGeom prst="straightConnector1">
              <a:avLst/>
            </a:prstGeom>
            <a:noFill/>
            <a:ln w="10150" cap="sq" cmpd="sng">
              <a:solidFill>
                <a:srgbClr val="DB3A61"/>
              </a:solidFill>
              <a:prstDash val="solid"/>
              <a:round/>
              <a:headEnd type="none" w="sm" len="sm"/>
              <a:tailEnd type="none" w="sm" len="sm"/>
            </a:ln>
          </p:spPr>
        </p:cxnSp>
      </p:grpSp>
      <p:pic>
        <p:nvPicPr>
          <p:cNvPr id="253" name="Google Shape;253;p15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 rot="-3865511">
            <a:off x="10267216" y="-1744592"/>
            <a:ext cx="3297796" cy="3297796"/>
          </a:xfrm>
          <a:prstGeom prst="rect">
            <a:avLst/>
          </a:prstGeom>
          <a:noFill/>
          <a:ln>
            <a:noFill/>
          </a:ln>
        </p:spPr>
      </p:pic>
      <p:pic>
        <p:nvPicPr>
          <p:cNvPr id="254" name="Google Shape;254;p15"/>
          <p:cNvPicPr preferRelativeResize="0"/>
          <p:nvPr/>
        </p:nvPicPr>
        <p:blipFill>
          <a:blip r:embed="rId4">
            <a:alphaModFix/>
          </a:blip>
          <a:stretch>
            <a:fillRect/>
          </a:stretch>
        </p:blipFill>
        <p:spPr>
          <a:xfrm>
            <a:off x="792774" y="2214959"/>
            <a:ext cx="10606459" cy="3942463"/>
          </a:xfrm>
          <a:prstGeom prst="rect">
            <a:avLst/>
          </a:prstGeom>
          <a:noFill/>
          <a:ln>
            <a:noFill/>
          </a:ln>
        </p:spPr>
      </p:pic>
      <p:grpSp>
        <p:nvGrpSpPr>
          <p:cNvPr id="255" name="Google Shape;255;p15"/>
          <p:cNvGrpSpPr/>
          <p:nvPr/>
        </p:nvGrpSpPr>
        <p:grpSpPr>
          <a:xfrm>
            <a:off x="924054" y="479874"/>
            <a:ext cx="9279611" cy="1304718"/>
            <a:chOff x="239755" y="4894302"/>
            <a:chExt cx="3313200" cy="1304718"/>
          </a:xfrm>
        </p:grpSpPr>
        <p:cxnSp>
          <p:nvCxnSpPr>
            <p:cNvPr id="256" name="Google Shape;256;p15"/>
            <p:cNvCxnSpPr/>
            <p:nvPr/>
          </p:nvCxnSpPr>
          <p:spPr>
            <a:xfrm>
              <a:off x="239755" y="4894302"/>
              <a:ext cx="3313200" cy="0"/>
            </a:xfrm>
            <a:prstGeom prst="straightConnector1">
              <a:avLst/>
            </a:prstGeom>
            <a:noFill/>
            <a:ln w="10150" cap="sq" cmpd="sng">
              <a:solidFill>
                <a:srgbClr val="DB3A61"/>
              </a:solidFill>
              <a:prstDash val="solid"/>
              <a:round/>
              <a:headEnd type="none" w="sm" len="sm"/>
              <a:tailEnd type="none" w="sm" len="sm"/>
            </a:ln>
          </p:spPr>
        </p:cxnSp>
        <p:cxnSp>
          <p:nvCxnSpPr>
            <p:cNvPr id="257" name="Google Shape;257;p15"/>
            <p:cNvCxnSpPr/>
            <p:nvPr/>
          </p:nvCxnSpPr>
          <p:spPr>
            <a:xfrm>
              <a:off x="239755" y="6199020"/>
              <a:ext cx="3313200" cy="0"/>
            </a:xfrm>
            <a:prstGeom prst="straightConnector1">
              <a:avLst/>
            </a:prstGeom>
            <a:noFill/>
            <a:ln w="10150" cap="sq" cmpd="sng">
              <a:solidFill>
                <a:srgbClr val="DB3A61"/>
              </a:solidFill>
              <a:prstDash val="solid"/>
              <a:round/>
              <a:headEnd type="none" w="sm" len="sm"/>
              <a:tailEnd type="none" w="sm" len="sm"/>
            </a:ln>
          </p:spPr>
        </p:cxnSp>
      </p:grpSp>
      <p:sp>
        <p:nvSpPr>
          <p:cNvPr id="3" name="TextBox 2">
            <a:extLst>
              <a:ext uri="{FF2B5EF4-FFF2-40B4-BE49-F238E27FC236}">
                <a16:creationId xmlns:a16="http://schemas.microsoft.com/office/drawing/2014/main" id="{9C5DA367-46AD-1138-FC4F-00963D529936}"/>
              </a:ext>
            </a:extLst>
          </p:cNvPr>
          <p:cNvSpPr txBox="1"/>
          <p:nvPr/>
        </p:nvSpPr>
        <p:spPr>
          <a:xfrm>
            <a:off x="792774" y="576604"/>
            <a:ext cx="8046426" cy="101566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2000" dirty="0">
                <a:solidFill>
                  <a:srgbClr val="DD405F"/>
                </a:solidFill>
              </a:rPr>
              <a:t>23 % af de større virksomheder fortæller, at de i dag anvender AI i arbejdet med </a:t>
            </a:r>
            <a:r>
              <a:rPr lang="da-DK" sz="2000" dirty="0" err="1">
                <a:solidFill>
                  <a:srgbClr val="DD405F"/>
                </a:solidFill>
              </a:rPr>
              <a:t>cybersikkerhed</a:t>
            </a:r>
            <a:r>
              <a:rPr lang="da-DK" sz="2000" dirty="0">
                <a:solidFill>
                  <a:srgbClr val="DD405F"/>
                </a:solidFill>
              </a:rPr>
              <a:t>, og yderligere 31 % har planer om at anvende AI i fremtiden. </a:t>
            </a:r>
            <a:endParaRPr lang="da-DK" sz="200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9C3EE6F-F891-9FD8-733B-5CF8A8238E85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fld id="{7078A906-2D08-41E1-AB60-65B14A75BB60}" type="slidenum">
              <a:rPr lang="da-DK" smtClean="0"/>
              <a:pPr/>
              <a:t>13</a:t>
            </a:fld>
            <a:endParaRPr lang="da-DK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6CAD578-2AAA-B054-230E-09366288B8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D36A229-0DB0-E8E8-D2BB-C5FCC569C2CB}"/>
              </a:ext>
            </a:extLst>
          </p:cNvPr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da-DK"/>
              <a:t>Cyber Agenda 2024</a:t>
            </a:r>
          </a:p>
        </p:txBody>
      </p:sp>
    </p:spTree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76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61" name="Google Shape;761;p2"/>
          <p:cNvSpPr/>
          <p:nvPr/>
        </p:nvSpPr>
        <p:spPr>
          <a:xfrm>
            <a:off x="-119751" y="0"/>
            <a:ext cx="7448763" cy="6858000"/>
          </a:xfrm>
          <a:prstGeom prst="rect">
            <a:avLst/>
          </a:prstGeom>
          <a:solidFill>
            <a:srgbClr val="3B3B3B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600"/>
              <a:buFont typeface="Arial"/>
              <a:buNone/>
            </a:pPr>
            <a:endParaRPr sz="1600" b="0" i="0" u="none" strike="noStrike" cap="none">
              <a:solidFill>
                <a:schemeClr val="lt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762" name="Google Shape;762;p2"/>
          <p:cNvSpPr txBox="1">
            <a:spLocks noGrp="1"/>
          </p:cNvSpPr>
          <p:nvPr>
            <p:ph type="title"/>
          </p:nvPr>
        </p:nvSpPr>
        <p:spPr>
          <a:xfrm>
            <a:off x="946767" y="2593910"/>
            <a:ext cx="4138417" cy="143990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/>
          <a:p>
            <a:pPr marL="0" lvl="0" indent="0" algn="ctr" rtl="0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SzPts val="3200"/>
              <a:buNone/>
            </a:pPr>
            <a:r>
              <a:rPr lang="da-DK" dirty="0">
                <a:solidFill>
                  <a:schemeClr val="lt1"/>
                </a:solidFill>
                <a:latin typeface="Georgia"/>
                <a:ea typeface="Georgia"/>
                <a:cs typeface="Georgia"/>
                <a:sym typeface="Georgia"/>
              </a:rPr>
              <a:t>Ny lovgivning kræver et fornyet fokus fra virksomhederne</a:t>
            </a:r>
            <a:endParaRPr dirty="0"/>
          </a:p>
        </p:txBody>
      </p:sp>
      <p:sp>
        <p:nvSpPr>
          <p:cNvPr id="785" name="Google Shape;785;p2"/>
          <p:cNvSpPr/>
          <p:nvPr/>
        </p:nvSpPr>
        <p:spPr>
          <a:xfrm>
            <a:off x="334537" y="6390042"/>
            <a:ext cx="728554" cy="320177"/>
          </a:xfrm>
          <a:prstGeom prst="rect">
            <a:avLst/>
          </a:prstGeom>
          <a:solidFill>
            <a:srgbClr val="3B3B3B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</a:pPr>
            <a:endParaRPr sz="1400" b="0" i="0" u="none" strike="noStrike" cap="none">
              <a:solidFill>
                <a:schemeClr val="lt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786" name="Google Shape;786;p2"/>
          <p:cNvPicPr preferRelativeResize="0"/>
          <p:nvPr/>
        </p:nvPicPr>
        <p:blipFill rotWithShape="1">
          <a:blip r:embed="rId3">
            <a:alphaModFix/>
          </a:blip>
          <a:srcRect l="11030" r="31526"/>
          <a:stretch/>
        </p:blipFill>
        <p:spPr>
          <a:xfrm>
            <a:off x="6238875" y="-2"/>
            <a:ext cx="5953125" cy="6858000"/>
          </a:xfrm>
          <a:prstGeom prst="rect">
            <a:avLst/>
          </a:prstGeom>
          <a:noFill/>
          <a:ln>
            <a:noFill/>
          </a:ln>
        </p:spPr>
      </p:pic>
      <p:sp>
        <p:nvSpPr>
          <p:cNvPr id="787" name="Google Shape;787;p2"/>
          <p:cNvSpPr/>
          <p:nvPr/>
        </p:nvSpPr>
        <p:spPr>
          <a:xfrm>
            <a:off x="6260335" y="-1034"/>
            <a:ext cx="5916612" cy="6858000"/>
          </a:xfrm>
          <a:prstGeom prst="rect">
            <a:avLst/>
          </a:prstGeom>
          <a:solidFill>
            <a:srgbClr val="3B3B3B">
              <a:alpha val="14901"/>
            </a:srgbClr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600"/>
              <a:buFont typeface="Arial"/>
              <a:buNone/>
            </a:pPr>
            <a:endParaRPr sz="1600" b="0" i="0" u="none" strike="noStrike" cap="none">
              <a:solidFill>
                <a:schemeClr val="accent6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1" name="Google Shape;281;g29d43c695c9_0_131"/>
          <p:cNvSpPr/>
          <p:nvPr/>
        </p:nvSpPr>
        <p:spPr>
          <a:xfrm>
            <a:off x="9096975" y="2757025"/>
            <a:ext cx="1923900" cy="3604200"/>
          </a:xfrm>
          <a:prstGeom prst="rect">
            <a:avLst/>
          </a:prstGeom>
          <a:solidFill>
            <a:schemeClr val="lt2"/>
          </a:solidFill>
          <a:ln w="9525" cap="flat" cmpd="sng">
            <a:solidFill>
              <a:srgbClr val="DEDEDE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84" name="Google Shape;284;g29d43c695c9_0_131"/>
          <p:cNvSpPr/>
          <p:nvPr/>
        </p:nvSpPr>
        <p:spPr>
          <a:xfrm flipH="1">
            <a:off x="-112" y="1038225"/>
            <a:ext cx="5399700" cy="876300"/>
          </a:xfrm>
          <a:prstGeom prst="rect">
            <a:avLst/>
          </a:prstGeom>
          <a:solidFill>
            <a:schemeClr val="lt1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600"/>
              <a:buFont typeface="Arial"/>
              <a:buNone/>
            </a:pPr>
            <a:endParaRPr sz="1600" b="0" i="0" u="none" strike="noStrike" cap="none">
              <a:solidFill>
                <a:schemeClr val="lt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285" name="Google Shape;285;g29d43c695c9_0_131"/>
          <p:cNvSpPr txBox="1"/>
          <p:nvPr/>
        </p:nvSpPr>
        <p:spPr>
          <a:xfrm rot="-8544139">
            <a:off x="10521606" y="836307"/>
            <a:ext cx="2305146" cy="5081787"/>
          </a:xfrm>
          <a:prstGeom prst="rect">
            <a:avLst/>
          </a:prstGeom>
          <a:solidFill>
            <a:srgbClr val="414042"/>
          </a:solidFill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1350">
              <a:solidFill>
                <a:schemeClr val="accent1"/>
              </a:solidFill>
            </a:endParaRPr>
          </a:p>
        </p:txBody>
      </p:sp>
      <p:sp>
        <p:nvSpPr>
          <p:cNvPr id="286" name="Google Shape;286;g29d43c695c9_0_131"/>
          <p:cNvSpPr txBox="1"/>
          <p:nvPr/>
        </p:nvSpPr>
        <p:spPr>
          <a:xfrm rot="-5398392">
            <a:off x="9986050" y="3911125"/>
            <a:ext cx="1923600" cy="2976600"/>
          </a:xfrm>
          <a:prstGeom prst="rect">
            <a:avLst/>
          </a:prstGeom>
          <a:solidFill>
            <a:srgbClr val="414042"/>
          </a:solidFill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1350">
              <a:solidFill>
                <a:schemeClr val="accent1"/>
              </a:solidFill>
            </a:endParaRPr>
          </a:p>
        </p:txBody>
      </p:sp>
      <p:pic>
        <p:nvPicPr>
          <p:cNvPr id="287" name="Google Shape;287;g29d43c695c9_0_131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 rot="-3865511">
            <a:off x="10267216" y="-1744592"/>
            <a:ext cx="3297796" cy="3297796"/>
          </a:xfrm>
          <a:prstGeom prst="rect">
            <a:avLst/>
          </a:prstGeom>
          <a:noFill/>
          <a:ln>
            <a:noFill/>
          </a:ln>
        </p:spPr>
      </p:pic>
      <p:pic>
        <p:nvPicPr>
          <p:cNvPr id="288" name="Google Shape;288;g29d43c695c9_0_131"/>
          <p:cNvPicPr preferRelativeResize="0"/>
          <p:nvPr/>
        </p:nvPicPr>
        <p:blipFill rotWithShape="1">
          <a:blip r:embed="rId4">
            <a:alphaModFix/>
          </a:blip>
          <a:srcRect t="43330"/>
          <a:stretch/>
        </p:blipFill>
        <p:spPr>
          <a:xfrm>
            <a:off x="815376" y="2756328"/>
            <a:ext cx="8773121" cy="3604898"/>
          </a:xfrm>
          <a:prstGeom prst="rect">
            <a:avLst/>
          </a:prstGeom>
          <a:noFill/>
          <a:ln>
            <a:noFill/>
          </a:ln>
        </p:spPr>
      </p:pic>
      <p:sp>
        <p:nvSpPr>
          <p:cNvPr id="289" name="Google Shape;289;g29d43c695c9_0_131"/>
          <p:cNvSpPr/>
          <p:nvPr/>
        </p:nvSpPr>
        <p:spPr>
          <a:xfrm>
            <a:off x="0" y="2757025"/>
            <a:ext cx="815400" cy="3604200"/>
          </a:xfrm>
          <a:prstGeom prst="rect">
            <a:avLst/>
          </a:prstGeom>
          <a:solidFill>
            <a:schemeClr val="lt2"/>
          </a:solidFill>
          <a:ln w="9525" cap="flat" cmpd="sng">
            <a:solidFill>
              <a:srgbClr val="DEDEDE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8C0BAF9E-9044-944A-93FB-3111D1460D2A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fld id="{7078A906-2D08-41E1-AB60-65B14A75BB60}" type="slidenum">
              <a:rPr lang="da-DK" smtClean="0"/>
              <a:pPr/>
              <a:t>15</a:t>
            </a:fld>
            <a:endParaRPr lang="da-DK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993EAD5-AD45-D980-0A79-9372097269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BD406A6-7960-732B-E13D-3E72374ACE79}"/>
              </a:ext>
            </a:extLst>
          </p:cNvPr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da-DK"/>
              <a:t>Cyber Agenda 2024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55EDD588-1BF6-5D77-D98D-EF591EFE97A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15376" y="330160"/>
            <a:ext cx="4958833" cy="1942260"/>
          </a:xfrm>
          <a:prstGeom prst="rect">
            <a:avLst/>
          </a:prstGeom>
        </p:spPr>
      </p:pic>
    </p:spTree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7" name="Google Shape;297;g29d43c695c9_0_152"/>
          <p:cNvSpPr/>
          <p:nvPr/>
        </p:nvSpPr>
        <p:spPr>
          <a:xfrm flipH="1">
            <a:off x="-112" y="1038225"/>
            <a:ext cx="5399700" cy="876300"/>
          </a:xfrm>
          <a:prstGeom prst="rect">
            <a:avLst/>
          </a:prstGeom>
          <a:solidFill>
            <a:schemeClr val="lt1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600"/>
              <a:buFont typeface="Arial"/>
              <a:buNone/>
            </a:pPr>
            <a:endParaRPr sz="1600" b="0" i="0" u="none" strike="noStrike" cap="none">
              <a:solidFill>
                <a:schemeClr val="lt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298" name="Google Shape;298;g29d43c695c9_0_152"/>
          <p:cNvPicPr preferRelativeResize="0"/>
          <p:nvPr/>
        </p:nvPicPr>
        <p:blipFill rotWithShape="1">
          <a:blip r:embed="rId3">
            <a:alphaModFix/>
          </a:blip>
          <a:srcRect t="19409" b="2324"/>
          <a:stretch/>
        </p:blipFill>
        <p:spPr>
          <a:xfrm>
            <a:off x="0" y="0"/>
            <a:ext cx="12191999" cy="6361226"/>
          </a:xfrm>
          <a:prstGeom prst="rect">
            <a:avLst/>
          </a:prstGeom>
          <a:noFill/>
          <a:ln>
            <a:noFill/>
          </a:ln>
        </p:spPr>
      </p:pic>
      <p:pic>
        <p:nvPicPr>
          <p:cNvPr id="299" name="Google Shape;299;g29d43c695c9_0_152"/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 rot="-3865511">
            <a:off x="10267216" y="-1744592"/>
            <a:ext cx="3297796" cy="3297796"/>
          </a:xfrm>
          <a:prstGeom prst="rect">
            <a:avLst/>
          </a:prstGeom>
          <a:noFill/>
          <a:ln>
            <a:noFill/>
          </a:ln>
        </p:spPr>
      </p:pic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77F23788-D8C4-A53B-9A6C-168D0838BFC3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fld id="{7078A906-2D08-41E1-AB60-65B14A75BB60}" type="slidenum">
              <a:rPr lang="da-DK" smtClean="0"/>
              <a:pPr/>
              <a:t>16</a:t>
            </a:fld>
            <a:endParaRPr lang="da-DK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3B78603-DE79-3A6F-71C8-EB75D66F12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D6BB96F-A5F4-10BB-5C24-2757958EB57A}"/>
              </a:ext>
            </a:extLst>
          </p:cNvPr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da-DK"/>
              <a:t>Cyber Agenda 2024</a:t>
            </a:r>
          </a:p>
        </p:txBody>
      </p:sp>
    </p:spTree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2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24" name="Google Shape;324;g29d43c695c9_0_174"/>
          <p:cNvPicPr preferRelativeResize="0"/>
          <p:nvPr/>
        </p:nvPicPr>
        <p:blipFill rotWithShape="1">
          <a:blip r:embed="rId3">
            <a:alphaModFix/>
          </a:blip>
          <a:srcRect t="48615"/>
          <a:stretch/>
        </p:blipFill>
        <p:spPr>
          <a:xfrm>
            <a:off x="1916150" y="2856600"/>
            <a:ext cx="10275851" cy="3504626"/>
          </a:xfrm>
          <a:prstGeom prst="rect">
            <a:avLst/>
          </a:prstGeom>
          <a:noFill/>
          <a:ln>
            <a:noFill/>
          </a:ln>
        </p:spPr>
      </p:pic>
      <p:pic>
        <p:nvPicPr>
          <p:cNvPr id="325" name="Google Shape;325;g29d43c695c9_0_174"/>
          <p:cNvPicPr preferRelativeResize="0"/>
          <p:nvPr/>
        </p:nvPicPr>
        <p:blipFill rotWithShape="1">
          <a:blip r:embed="rId4">
            <a:alphaModFix/>
          </a:blip>
          <a:srcRect l="66575" t="3081"/>
          <a:stretch/>
        </p:blipFill>
        <p:spPr>
          <a:xfrm>
            <a:off x="0" y="0"/>
            <a:ext cx="1916150" cy="6361226"/>
          </a:xfrm>
          <a:prstGeom prst="rect">
            <a:avLst/>
          </a:prstGeom>
          <a:noFill/>
          <a:ln>
            <a:noFill/>
          </a:ln>
        </p:spPr>
      </p:pic>
      <p:pic>
        <p:nvPicPr>
          <p:cNvPr id="326" name="Google Shape;326;g29d43c695c9_0_174"/>
          <p:cNvPicPr preferRelativeResize="0"/>
          <p:nvPr/>
        </p:nvPicPr>
        <p:blipFill rotWithShape="1">
          <a:blip r:embed="rId5">
            <a:alphaModFix/>
          </a:blip>
          <a:srcRect/>
          <a:stretch/>
        </p:blipFill>
        <p:spPr>
          <a:xfrm rot="10104254">
            <a:off x="-1827283" y="-1802434"/>
            <a:ext cx="3508568" cy="3508568"/>
          </a:xfrm>
          <a:prstGeom prst="rect">
            <a:avLst/>
          </a:prstGeom>
          <a:noFill/>
          <a:ln>
            <a:noFill/>
          </a:ln>
        </p:spPr>
      </p:pic>
      <p:sp>
        <p:nvSpPr>
          <p:cNvPr id="327" name="Google Shape;327;g29d43c695c9_0_174"/>
          <p:cNvSpPr/>
          <p:nvPr/>
        </p:nvSpPr>
        <p:spPr>
          <a:xfrm>
            <a:off x="1916150" y="0"/>
            <a:ext cx="10275900" cy="2929200"/>
          </a:xfrm>
          <a:prstGeom prst="rect">
            <a:avLst/>
          </a:prstGeom>
          <a:solidFill>
            <a:srgbClr val="DCDDDE"/>
          </a:solidFill>
          <a:ln w="9525" cap="flat" cmpd="sng">
            <a:solidFill>
              <a:srgbClr val="DCDDDE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pic>
        <p:nvPicPr>
          <p:cNvPr id="328" name="Google Shape;328;g29d43c695c9_0_174"/>
          <p:cNvPicPr preferRelativeResize="0"/>
          <p:nvPr/>
        </p:nvPicPr>
        <p:blipFill rotWithShape="1">
          <a:blip r:embed="rId6">
            <a:alphaModFix/>
          </a:blip>
          <a:srcRect l="4200" t="13152" r="10606" b="8465"/>
          <a:stretch/>
        </p:blipFill>
        <p:spPr>
          <a:xfrm>
            <a:off x="1964625" y="59500"/>
            <a:ext cx="7485319" cy="2681375"/>
          </a:xfrm>
          <a:prstGeom prst="rect">
            <a:avLst/>
          </a:prstGeom>
          <a:noFill/>
          <a:ln>
            <a:noFill/>
          </a:ln>
        </p:spPr>
      </p:pic>
      <p:grpSp>
        <p:nvGrpSpPr>
          <p:cNvPr id="329" name="Google Shape;329;g29d43c695c9_0_174"/>
          <p:cNvGrpSpPr/>
          <p:nvPr/>
        </p:nvGrpSpPr>
        <p:grpSpPr>
          <a:xfrm>
            <a:off x="8772640" y="174926"/>
            <a:ext cx="3162781" cy="2681385"/>
            <a:chOff x="239755" y="4894302"/>
            <a:chExt cx="3313200" cy="1914318"/>
          </a:xfrm>
        </p:grpSpPr>
        <p:cxnSp>
          <p:nvCxnSpPr>
            <p:cNvPr id="330" name="Google Shape;330;g29d43c695c9_0_174"/>
            <p:cNvCxnSpPr/>
            <p:nvPr/>
          </p:nvCxnSpPr>
          <p:spPr>
            <a:xfrm>
              <a:off x="239755" y="4894302"/>
              <a:ext cx="3313200" cy="0"/>
            </a:xfrm>
            <a:prstGeom prst="straightConnector1">
              <a:avLst/>
            </a:prstGeom>
            <a:noFill/>
            <a:ln w="10150" cap="sq" cmpd="sng">
              <a:solidFill>
                <a:srgbClr val="DB3A61"/>
              </a:solidFill>
              <a:prstDash val="solid"/>
              <a:round/>
              <a:headEnd type="none" w="sm" len="sm"/>
              <a:tailEnd type="none" w="sm" len="sm"/>
            </a:ln>
          </p:spPr>
        </p:cxnSp>
        <p:cxnSp>
          <p:nvCxnSpPr>
            <p:cNvPr id="331" name="Google Shape;331;g29d43c695c9_0_174"/>
            <p:cNvCxnSpPr/>
            <p:nvPr/>
          </p:nvCxnSpPr>
          <p:spPr>
            <a:xfrm>
              <a:off x="239755" y="6808620"/>
              <a:ext cx="3313200" cy="0"/>
            </a:xfrm>
            <a:prstGeom prst="straightConnector1">
              <a:avLst/>
            </a:prstGeom>
            <a:noFill/>
            <a:ln w="10150" cap="sq" cmpd="sng">
              <a:solidFill>
                <a:srgbClr val="DB3A61"/>
              </a:solidFill>
              <a:prstDash val="solid"/>
              <a:round/>
              <a:headEnd type="none" w="sm" len="sm"/>
              <a:tailEnd type="none" w="sm" len="sm"/>
            </a:ln>
          </p:spPr>
        </p:cxnSp>
      </p:grpSp>
      <p:sp>
        <p:nvSpPr>
          <p:cNvPr id="332" name="Google Shape;332;g29d43c695c9_0_174"/>
          <p:cNvSpPr/>
          <p:nvPr/>
        </p:nvSpPr>
        <p:spPr>
          <a:xfrm>
            <a:off x="7373000" y="2353175"/>
            <a:ext cx="4710300" cy="728400"/>
          </a:xfrm>
          <a:prstGeom prst="rect">
            <a:avLst/>
          </a:prstGeom>
          <a:solidFill>
            <a:srgbClr val="DCDDDE"/>
          </a:solidFill>
          <a:ln w="9525" cap="flat" cmpd="sng">
            <a:solidFill>
              <a:srgbClr val="DCDDDE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91425" rIns="91425" bIns="91425" anchor="ctr" anchorCtr="0">
            <a:no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33" name="Google Shape;333;g29d43c695c9_0_174"/>
          <p:cNvSpPr txBox="1"/>
          <p:nvPr/>
        </p:nvSpPr>
        <p:spPr>
          <a:xfrm>
            <a:off x="8832150" y="240600"/>
            <a:ext cx="3251100" cy="2616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da-DK" sz="4000">
                <a:solidFill>
                  <a:schemeClr val="accent4"/>
                </a:solidFill>
              </a:rPr>
              <a:t>12 </a:t>
            </a:r>
            <a:r>
              <a:rPr lang="da-DK" sz="4000">
                <a:solidFill>
                  <a:schemeClr val="accent4"/>
                </a:solidFill>
                <a:latin typeface="Arial"/>
                <a:ea typeface="Arial"/>
                <a:cs typeface="Arial"/>
                <a:sym typeface="Arial"/>
              </a:rPr>
              <a:t>%</a:t>
            </a:r>
            <a:endParaRPr>
              <a:solidFill>
                <a:schemeClr val="dk1"/>
              </a:solidFill>
            </a:endParaRPr>
          </a:p>
          <a:p>
            <a:pPr marL="0" lvl="0" indent="0" algn="l" rtl="0">
              <a:spcBef>
                <a:spcPts val="600"/>
              </a:spcBef>
              <a:spcAft>
                <a:spcPts val="0"/>
              </a:spcAft>
              <a:buClr>
                <a:schemeClr val="dk1"/>
              </a:buClr>
              <a:buSzPts val="1100"/>
              <a:buFont typeface="Arial"/>
              <a:buNone/>
            </a:pPr>
            <a:r>
              <a:rPr lang="da-DK" sz="2000">
                <a:solidFill>
                  <a:schemeClr val="dk1"/>
                </a:solidFill>
              </a:rPr>
              <a:t>af CXO’erne, CISO’erne og it-sikkerhedsspecialisterne fortæller, at de ikke kan fastslå, om de er omfattet af DORA</a:t>
            </a:r>
            <a:endParaRPr sz="2000">
              <a:solidFill>
                <a:schemeClr val="dk1"/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None/>
            </a:pPr>
            <a:endParaRPr sz="2000">
              <a:solidFill>
                <a:schemeClr val="dk1"/>
              </a:solidFill>
            </a:endParaRPr>
          </a:p>
        </p:txBody>
      </p:sp>
      <p:cxnSp>
        <p:nvCxnSpPr>
          <p:cNvPr id="334" name="Google Shape;334;g29d43c695c9_0_174"/>
          <p:cNvCxnSpPr/>
          <p:nvPr/>
        </p:nvCxnSpPr>
        <p:spPr>
          <a:xfrm>
            <a:off x="8784571" y="2537090"/>
            <a:ext cx="3162900" cy="0"/>
          </a:xfrm>
          <a:prstGeom prst="straightConnector1">
            <a:avLst/>
          </a:prstGeom>
          <a:noFill/>
          <a:ln w="10150" cap="sq" cmpd="sng">
            <a:solidFill>
              <a:srgbClr val="DB3A61"/>
            </a:solidFill>
            <a:prstDash val="solid"/>
            <a:round/>
            <a:headEnd type="none" w="sm" len="sm"/>
            <a:tailEnd type="none" w="sm" len="sm"/>
          </a:ln>
        </p:spPr>
      </p:cxn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1958108C-75AC-E5D9-07DF-76C356046140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fld id="{7078A906-2D08-41E1-AB60-65B14A75BB60}" type="slidenum">
              <a:rPr lang="da-DK" smtClean="0"/>
              <a:pPr/>
              <a:t>17</a:t>
            </a:fld>
            <a:endParaRPr lang="da-DK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F4D7E85-3036-1A63-1B37-C716ACF973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3DB25ADC-2BD4-FDFD-6BE9-74EA56C99E5A}"/>
              </a:ext>
            </a:extLst>
          </p:cNvPr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da-DK"/>
              <a:t>Cyber Agenda 2024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9A34DEB2-69A2-032C-5C49-D656FE868CB2}"/>
              </a:ext>
            </a:extLst>
          </p:cNvPr>
          <p:cNvSpPr txBox="1"/>
          <p:nvPr/>
        </p:nvSpPr>
        <p:spPr>
          <a:xfrm>
            <a:off x="1916100" y="4105257"/>
            <a:ext cx="2249499" cy="906249"/>
          </a:xfrm>
          <a:prstGeom prst="rect">
            <a:avLst/>
          </a:prstGeom>
          <a:solidFill>
            <a:schemeClr val="tx2"/>
          </a:solidFill>
        </p:spPr>
        <p:txBody>
          <a:bodyPr wrap="square" rtlCol="0" anchor="ctr">
            <a:noAutofit/>
          </a:bodyPr>
          <a:lstStyle/>
          <a:p>
            <a:pPr algn="ctr"/>
            <a:r>
              <a:rPr lang="da-DK" sz="2800" b="1" dirty="0"/>
              <a:t>DORA</a:t>
            </a:r>
          </a:p>
        </p:txBody>
      </p:sp>
    </p:spTree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3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0" name="Google Shape;340;p23"/>
          <p:cNvSpPr txBox="1"/>
          <p:nvPr/>
        </p:nvSpPr>
        <p:spPr>
          <a:xfrm>
            <a:off x="-4025" y="4780750"/>
            <a:ext cx="12192000" cy="1580400"/>
          </a:xfrm>
          <a:prstGeom prst="rect">
            <a:avLst/>
          </a:prstGeom>
          <a:solidFill>
            <a:srgbClr val="DCDDDE"/>
          </a:solidFill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1350">
              <a:solidFill>
                <a:schemeClr val="accent1"/>
              </a:solidFill>
            </a:endParaRPr>
          </a:p>
        </p:txBody>
      </p:sp>
      <p:pic>
        <p:nvPicPr>
          <p:cNvPr id="341" name="Google Shape;341;p23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0" y="-1"/>
            <a:ext cx="12187850" cy="1823083"/>
          </a:xfrm>
          <a:prstGeom prst="rect">
            <a:avLst/>
          </a:prstGeom>
          <a:noFill/>
          <a:ln>
            <a:noFill/>
          </a:ln>
        </p:spPr>
      </p:pic>
      <p:sp>
        <p:nvSpPr>
          <p:cNvPr id="344" name="Google Shape;344;p23"/>
          <p:cNvSpPr/>
          <p:nvPr/>
        </p:nvSpPr>
        <p:spPr>
          <a:xfrm flipH="1">
            <a:off x="125" y="1340000"/>
            <a:ext cx="6695400" cy="574800"/>
          </a:xfrm>
          <a:prstGeom prst="rect">
            <a:avLst/>
          </a:prstGeom>
          <a:solidFill>
            <a:schemeClr val="lt1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600"/>
              <a:buFont typeface="Arial"/>
              <a:buNone/>
            </a:pPr>
            <a:endParaRPr sz="1600" b="0" i="0" u="none" strike="noStrike" cap="none">
              <a:solidFill>
                <a:schemeClr val="lt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345" name="Google Shape;345;p23"/>
          <p:cNvSpPr txBox="1"/>
          <p:nvPr/>
        </p:nvSpPr>
        <p:spPr>
          <a:xfrm>
            <a:off x="304775" y="1421800"/>
            <a:ext cx="4858500" cy="1400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/>
          <a:p>
            <a:pPr marL="0" lvl="0" indent="0" algn="l" rtl="0">
              <a:spcBef>
                <a:spcPts val="600"/>
              </a:spcBef>
              <a:spcAft>
                <a:spcPts val="0"/>
              </a:spcAft>
              <a:buClr>
                <a:schemeClr val="dk1"/>
              </a:buClr>
              <a:buSzPts val="1100"/>
              <a:buFont typeface="Arial"/>
              <a:buNone/>
            </a:pPr>
            <a:r>
              <a:rPr lang="da-DK" sz="2200">
                <a:solidFill>
                  <a:schemeClr val="dk1"/>
                </a:solidFill>
                <a:latin typeface="Georgia"/>
                <a:ea typeface="Georgia"/>
                <a:cs typeface="Georgia"/>
                <a:sym typeface="Georgia"/>
              </a:rPr>
              <a:t>Knap hver anden virksomhed har svært ved at rekruttere medarbejdere inden for cybersikkerhed</a:t>
            </a:r>
            <a:endParaRPr sz="2200">
              <a:solidFill>
                <a:schemeClr val="dk1"/>
              </a:solidFill>
              <a:latin typeface="Georgia"/>
              <a:ea typeface="Georgia"/>
              <a:cs typeface="Georgia"/>
              <a:sym typeface="Georgia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0000"/>
              </a:buClr>
              <a:buSzPts val="2000"/>
              <a:buFont typeface="Arial"/>
              <a:buNone/>
            </a:pPr>
            <a:endParaRPr sz="2000">
              <a:solidFill>
                <a:schemeClr val="dk1"/>
              </a:solidFill>
              <a:latin typeface="Georgia"/>
              <a:ea typeface="Georgia"/>
              <a:cs typeface="Georgia"/>
              <a:sym typeface="Georgia"/>
            </a:endParaRPr>
          </a:p>
        </p:txBody>
      </p:sp>
      <p:grpSp>
        <p:nvGrpSpPr>
          <p:cNvPr id="346" name="Google Shape;346;p23"/>
          <p:cNvGrpSpPr/>
          <p:nvPr/>
        </p:nvGrpSpPr>
        <p:grpSpPr>
          <a:xfrm>
            <a:off x="304782" y="2633438"/>
            <a:ext cx="4895209" cy="1639737"/>
            <a:chOff x="304779" y="1952013"/>
            <a:chExt cx="10373403" cy="1639737"/>
          </a:xfrm>
        </p:grpSpPr>
        <p:cxnSp>
          <p:nvCxnSpPr>
            <p:cNvPr id="347" name="Google Shape;347;p23"/>
            <p:cNvCxnSpPr/>
            <p:nvPr/>
          </p:nvCxnSpPr>
          <p:spPr>
            <a:xfrm rot="10800000" flipH="1">
              <a:off x="304779" y="1952013"/>
              <a:ext cx="10334400" cy="9000"/>
            </a:xfrm>
            <a:prstGeom prst="straightConnector1">
              <a:avLst/>
            </a:prstGeom>
            <a:noFill/>
            <a:ln w="10150" cap="sq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p:spPr>
        </p:cxnSp>
        <p:sp>
          <p:nvSpPr>
            <p:cNvPr id="348" name="Google Shape;348;p23"/>
            <p:cNvSpPr txBox="1"/>
            <p:nvPr/>
          </p:nvSpPr>
          <p:spPr>
            <a:xfrm>
              <a:off x="305082" y="2052450"/>
              <a:ext cx="10373100" cy="1539300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0" tIns="0" rIns="0" bIns="0" anchor="t" anchorCtr="0">
              <a:sp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100"/>
                <a:buFont typeface="Arial"/>
                <a:buNone/>
              </a:pPr>
              <a:r>
                <a:rPr lang="da-DK" sz="2000">
                  <a:solidFill>
                    <a:srgbClr val="DD405F"/>
                  </a:solidFill>
                </a:rPr>
                <a:t>Der er stor mangel på kvalificeret arbejdskraft i Danmark, hvilket også har betydning for virksomhedernes muligheder for at ruste sig på cybersikkerhedsområdet.</a:t>
              </a:r>
              <a:endParaRPr sz="2000">
                <a:solidFill>
                  <a:srgbClr val="DD405F"/>
                </a:solidFill>
              </a:endParaRPr>
            </a:p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400"/>
                <a:buFont typeface="Arial"/>
                <a:buNone/>
              </a:pPr>
              <a:endParaRPr sz="2000">
                <a:solidFill>
                  <a:srgbClr val="DD405F"/>
                </a:solidFill>
              </a:endParaRPr>
            </a:p>
          </p:txBody>
        </p:sp>
        <p:cxnSp>
          <p:nvCxnSpPr>
            <p:cNvPr id="349" name="Google Shape;349;p23"/>
            <p:cNvCxnSpPr/>
            <p:nvPr/>
          </p:nvCxnSpPr>
          <p:spPr>
            <a:xfrm rot="10800000" flipH="1">
              <a:off x="304779" y="3375510"/>
              <a:ext cx="10373100" cy="13500"/>
            </a:xfrm>
            <a:prstGeom prst="straightConnector1">
              <a:avLst/>
            </a:prstGeom>
            <a:noFill/>
            <a:ln w="10150" cap="sq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p:spPr>
        </p:cxnSp>
      </p:grpSp>
      <p:pic>
        <p:nvPicPr>
          <p:cNvPr id="350" name="Google Shape;350;p23"/>
          <p:cNvPicPr preferRelativeResize="0"/>
          <p:nvPr/>
        </p:nvPicPr>
        <p:blipFill>
          <a:blip r:embed="rId4">
            <a:alphaModFix/>
          </a:blip>
          <a:stretch>
            <a:fillRect/>
          </a:stretch>
        </p:blipFill>
        <p:spPr>
          <a:xfrm>
            <a:off x="158475" y="4780750"/>
            <a:ext cx="6552220" cy="1477500"/>
          </a:xfrm>
          <a:prstGeom prst="rect">
            <a:avLst/>
          </a:prstGeom>
          <a:noFill/>
          <a:ln>
            <a:noFill/>
          </a:ln>
        </p:spPr>
      </p:pic>
      <p:pic>
        <p:nvPicPr>
          <p:cNvPr id="351" name="Google Shape;351;p23"/>
          <p:cNvPicPr preferRelativeResize="0"/>
          <p:nvPr/>
        </p:nvPicPr>
        <p:blipFill>
          <a:blip r:embed="rId5">
            <a:alphaModFix/>
          </a:blip>
          <a:stretch>
            <a:fillRect/>
          </a:stretch>
        </p:blipFill>
        <p:spPr>
          <a:xfrm>
            <a:off x="6794525" y="5180800"/>
            <a:ext cx="5163599" cy="1154475"/>
          </a:xfrm>
          <a:prstGeom prst="rect">
            <a:avLst/>
          </a:prstGeom>
          <a:noFill/>
          <a:ln>
            <a:noFill/>
          </a:ln>
        </p:spPr>
      </p:pic>
      <p:pic>
        <p:nvPicPr>
          <p:cNvPr id="352" name="Google Shape;352;p23"/>
          <p:cNvPicPr preferRelativeResize="0"/>
          <p:nvPr/>
        </p:nvPicPr>
        <p:blipFill rotWithShape="1">
          <a:blip r:embed="rId6">
            <a:alphaModFix/>
          </a:blip>
          <a:srcRect/>
          <a:stretch/>
        </p:blipFill>
        <p:spPr>
          <a:xfrm rot="-3865511">
            <a:off x="10267216" y="-1744592"/>
            <a:ext cx="3297796" cy="3297796"/>
          </a:xfrm>
          <a:prstGeom prst="rect">
            <a:avLst/>
          </a:prstGeom>
          <a:noFill/>
          <a:ln>
            <a:noFill/>
          </a:ln>
        </p:spPr>
      </p:pic>
      <p:pic>
        <p:nvPicPr>
          <p:cNvPr id="353" name="Google Shape;353;p23"/>
          <p:cNvPicPr preferRelativeResize="0"/>
          <p:nvPr/>
        </p:nvPicPr>
        <p:blipFill>
          <a:blip r:embed="rId7">
            <a:alphaModFix/>
          </a:blip>
          <a:stretch>
            <a:fillRect/>
          </a:stretch>
        </p:blipFill>
        <p:spPr>
          <a:xfrm>
            <a:off x="5492500" y="1340001"/>
            <a:ext cx="6695351" cy="3397973"/>
          </a:xfrm>
          <a:prstGeom prst="rect">
            <a:avLst/>
          </a:prstGeom>
          <a:noFill/>
          <a:ln>
            <a:noFill/>
          </a:ln>
        </p:spPr>
      </p:pic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E218BC90-CF2A-3EC4-1D24-8B8A9BCD76B1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fld id="{7078A906-2D08-41E1-AB60-65B14A75BB60}" type="slidenum">
              <a:rPr lang="da-DK" smtClean="0"/>
              <a:pPr/>
              <a:t>18</a:t>
            </a:fld>
            <a:endParaRPr lang="da-DK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DE9DA62-9447-1007-90AD-0C8E92B0A9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AED2DBD-5F51-884B-FE26-2261EBE71663}"/>
              </a:ext>
            </a:extLst>
          </p:cNvPr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da-DK"/>
              <a:t>Cyber Agenda 2024</a:t>
            </a:r>
          </a:p>
        </p:txBody>
      </p:sp>
    </p:spTree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5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59" name="Google Shape;359;p26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0" y="-1"/>
            <a:ext cx="12191999" cy="1823083"/>
          </a:xfrm>
          <a:prstGeom prst="rect">
            <a:avLst/>
          </a:prstGeom>
          <a:noFill/>
          <a:ln>
            <a:noFill/>
          </a:ln>
        </p:spPr>
      </p:pic>
      <p:sp>
        <p:nvSpPr>
          <p:cNvPr id="362" name="Google Shape;362;p26"/>
          <p:cNvSpPr txBox="1"/>
          <p:nvPr/>
        </p:nvSpPr>
        <p:spPr>
          <a:xfrm>
            <a:off x="304775" y="2006800"/>
            <a:ext cx="5465700" cy="1015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/>
          <a:p>
            <a:pPr marL="0" lvl="0" indent="0" algn="l" rtl="0">
              <a:spcBef>
                <a:spcPts val="600"/>
              </a:spcBef>
              <a:spcAft>
                <a:spcPts val="0"/>
              </a:spcAft>
              <a:buClr>
                <a:schemeClr val="dk1"/>
              </a:buClr>
              <a:buSzPts val="1100"/>
              <a:buFont typeface="Arial"/>
              <a:buNone/>
            </a:pPr>
            <a:r>
              <a:rPr lang="da-DK" sz="2200">
                <a:solidFill>
                  <a:schemeClr val="dk1"/>
                </a:solidFill>
                <a:latin typeface="Georgia"/>
                <a:ea typeface="Georgia"/>
                <a:cs typeface="Georgia"/>
                <a:sym typeface="Georgia"/>
              </a:rPr>
              <a:t>Bestyrelsens fokus på cyberkriminalitet stiger, men der er stadig plads til forbedringer</a:t>
            </a:r>
            <a:endParaRPr sz="2200">
              <a:solidFill>
                <a:schemeClr val="dk1"/>
              </a:solidFill>
              <a:latin typeface="Georgia"/>
              <a:ea typeface="Georgia"/>
              <a:cs typeface="Georgia"/>
              <a:sym typeface="Georgia"/>
            </a:endParaRPr>
          </a:p>
        </p:txBody>
      </p:sp>
      <p:cxnSp>
        <p:nvCxnSpPr>
          <p:cNvPr id="365" name="Google Shape;365;p26"/>
          <p:cNvCxnSpPr/>
          <p:nvPr/>
        </p:nvCxnSpPr>
        <p:spPr>
          <a:xfrm rot="10800000" flipH="1">
            <a:off x="304790" y="5157336"/>
            <a:ext cx="5334035" cy="7200"/>
          </a:xfrm>
          <a:prstGeom prst="straightConnector1">
            <a:avLst/>
          </a:prstGeom>
          <a:noFill/>
          <a:ln w="10150" cap="sq" cmpd="sng">
            <a:solidFill>
              <a:schemeClr val="dk1"/>
            </a:solidFill>
            <a:prstDash val="solid"/>
            <a:round/>
            <a:headEnd type="none" w="sm" len="sm"/>
            <a:tailEnd type="none" w="sm" len="sm"/>
          </a:ln>
        </p:spPr>
      </p:cxnSp>
      <p:cxnSp>
        <p:nvCxnSpPr>
          <p:cNvPr id="366" name="Google Shape;366;p26"/>
          <p:cNvCxnSpPr/>
          <p:nvPr/>
        </p:nvCxnSpPr>
        <p:spPr>
          <a:xfrm rot="10800000" flipH="1">
            <a:off x="304790" y="3328536"/>
            <a:ext cx="5297400" cy="7200"/>
          </a:xfrm>
          <a:prstGeom prst="straightConnector1">
            <a:avLst/>
          </a:prstGeom>
          <a:noFill/>
          <a:ln w="10150" cap="sq" cmpd="sng">
            <a:solidFill>
              <a:schemeClr val="dk1"/>
            </a:solidFill>
            <a:prstDash val="solid"/>
            <a:round/>
            <a:headEnd type="none" w="sm" len="sm"/>
            <a:tailEnd type="none" w="sm" len="sm"/>
          </a:ln>
        </p:spPr>
      </p:cxnSp>
      <p:sp>
        <p:nvSpPr>
          <p:cNvPr id="367" name="Google Shape;367;p26"/>
          <p:cNvSpPr txBox="1"/>
          <p:nvPr/>
        </p:nvSpPr>
        <p:spPr>
          <a:xfrm>
            <a:off x="6309350" y="2268925"/>
            <a:ext cx="5297400" cy="169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  <a:buFont typeface="Arial"/>
              <a:buNone/>
            </a:pPr>
            <a:endParaRPr sz="1100">
              <a:solidFill>
                <a:schemeClr val="dk1"/>
              </a:solidFill>
            </a:endParaRPr>
          </a:p>
        </p:txBody>
      </p:sp>
      <p:pic>
        <p:nvPicPr>
          <p:cNvPr id="368" name="Google Shape;368;p26"/>
          <p:cNvPicPr preferRelativeResize="0"/>
          <p:nvPr/>
        </p:nvPicPr>
        <p:blipFill>
          <a:blip r:embed="rId4">
            <a:alphaModFix/>
          </a:blip>
          <a:stretch>
            <a:fillRect/>
          </a:stretch>
        </p:blipFill>
        <p:spPr>
          <a:xfrm>
            <a:off x="6226500" y="701600"/>
            <a:ext cx="5751175" cy="5690924"/>
          </a:xfrm>
          <a:prstGeom prst="rect">
            <a:avLst/>
          </a:prstGeom>
          <a:noFill/>
          <a:ln>
            <a:noFill/>
          </a:ln>
        </p:spPr>
      </p:pic>
      <p:pic>
        <p:nvPicPr>
          <p:cNvPr id="369" name="Google Shape;369;p26"/>
          <p:cNvPicPr preferRelativeResize="0"/>
          <p:nvPr/>
        </p:nvPicPr>
        <p:blipFill rotWithShape="1">
          <a:blip r:embed="rId5">
            <a:alphaModFix/>
          </a:blip>
          <a:srcRect/>
          <a:stretch/>
        </p:blipFill>
        <p:spPr>
          <a:xfrm rot="-3865511">
            <a:off x="10267216" y="-1744592"/>
            <a:ext cx="3297796" cy="3297796"/>
          </a:xfrm>
          <a:prstGeom prst="rect">
            <a:avLst/>
          </a:prstGeom>
          <a:noFill/>
          <a:ln>
            <a:noFill/>
          </a:ln>
        </p:spPr>
      </p:pic>
      <p:pic>
        <p:nvPicPr>
          <p:cNvPr id="370" name="Google Shape;370;p26"/>
          <p:cNvPicPr preferRelativeResize="0"/>
          <p:nvPr/>
        </p:nvPicPr>
        <p:blipFill rotWithShape="1">
          <a:blip r:embed="rId5">
            <a:alphaModFix/>
          </a:blip>
          <a:srcRect/>
          <a:stretch/>
        </p:blipFill>
        <p:spPr>
          <a:xfrm rot="-3865511">
            <a:off x="-967084" y="5370158"/>
            <a:ext cx="3297796" cy="3297796"/>
          </a:xfrm>
          <a:prstGeom prst="rect">
            <a:avLst/>
          </a:prstGeom>
          <a:noFill/>
          <a:ln>
            <a:noFill/>
          </a:ln>
        </p:spPr>
      </p:pic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0E469C81-7409-2ABC-EA88-2A701EE748D6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fld id="{7078A906-2D08-41E1-AB60-65B14A75BB60}" type="slidenum">
              <a:rPr lang="da-DK" smtClean="0"/>
              <a:pPr/>
              <a:t>19</a:t>
            </a:fld>
            <a:endParaRPr lang="da-DK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A87C367-3F17-3C63-650A-2A254F617CF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F03C2A7-65C0-41B9-8B47-D9646B3C9441}"/>
              </a:ext>
            </a:extLst>
          </p:cNvPr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da-DK"/>
              <a:t>Cyber Agenda 2024</a:t>
            </a:r>
          </a:p>
        </p:txBody>
      </p:sp>
      <p:sp>
        <p:nvSpPr>
          <p:cNvPr id="5" name="Google Shape;387;g29f80944e25_0_47">
            <a:extLst>
              <a:ext uri="{FF2B5EF4-FFF2-40B4-BE49-F238E27FC236}">
                <a16:creationId xmlns:a16="http://schemas.microsoft.com/office/drawing/2014/main" id="{EB607EC7-71F4-7AE5-EC56-82CB134CBCB5}"/>
              </a:ext>
            </a:extLst>
          </p:cNvPr>
          <p:cNvSpPr txBox="1"/>
          <p:nvPr/>
        </p:nvSpPr>
        <p:spPr>
          <a:xfrm>
            <a:off x="313828" y="3408119"/>
            <a:ext cx="4276278" cy="161582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da-DK" sz="4000" dirty="0">
                <a:solidFill>
                  <a:schemeClr val="accent4"/>
                </a:solidFill>
              </a:rPr>
              <a:t>47 </a:t>
            </a:r>
            <a:r>
              <a:rPr lang="da-DK" sz="4000" dirty="0">
                <a:solidFill>
                  <a:schemeClr val="accent4"/>
                </a:solidFill>
                <a:latin typeface="Arial"/>
                <a:ea typeface="Arial"/>
                <a:cs typeface="Arial"/>
                <a:sym typeface="Arial"/>
              </a:rPr>
              <a:t>%</a:t>
            </a:r>
            <a:endParaRPr dirty="0">
              <a:solidFill>
                <a:schemeClr val="accent4"/>
              </a:solidFill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None/>
            </a:pPr>
            <a:r>
              <a:rPr lang="da-DK" sz="2000" dirty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rPr>
              <a:t>af </a:t>
            </a:r>
            <a:r>
              <a:rPr lang="da-DK" sz="2000" dirty="0"/>
              <a:t>bestyrelsesmedlemmerne modtager ikke træning i </a:t>
            </a:r>
            <a:r>
              <a:rPr lang="da-DK" sz="2000" dirty="0" err="1"/>
              <a:t>cyber</a:t>
            </a:r>
            <a:r>
              <a:rPr lang="da-DK" sz="2000" dirty="0"/>
              <a:t>- og informationssikkerhed</a:t>
            </a:r>
            <a:endParaRPr sz="2000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61CA1C94-3961-9DFB-3EFB-1CCFCCBAA906}"/>
              </a:ext>
            </a:extLst>
          </p:cNvPr>
          <p:cNvSpPr/>
          <p:nvPr/>
        </p:nvSpPr>
        <p:spPr>
          <a:xfrm>
            <a:off x="9010147" y="2390116"/>
            <a:ext cx="2663228" cy="3578186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82A4323D-66F9-A399-5812-E322DE971CEA}"/>
              </a:ext>
            </a:extLst>
          </p:cNvPr>
          <p:cNvSpPr/>
          <p:nvPr/>
        </p:nvSpPr>
        <p:spPr>
          <a:xfrm>
            <a:off x="181069" y="2390116"/>
            <a:ext cx="6717672" cy="3578186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pic>
        <p:nvPicPr>
          <p:cNvPr id="48" name="Google Shape;48;p2"/>
          <p:cNvPicPr preferRelativeResize="0"/>
          <p:nvPr/>
        </p:nvPicPr>
        <p:blipFill rotWithShape="1">
          <a:blip r:embed="rId3">
            <a:alphaModFix/>
          </a:blip>
          <a:srcRect l="70384" r="10347"/>
          <a:stretch/>
        </p:blipFill>
        <p:spPr>
          <a:xfrm rot="-5400000">
            <a:off x="5190075" y="-5200551"/>
            <a:ext cx="1816600" cy="12217701"/>
          </a:xfrm>
          <a:prstGeom prst="rect">
            <a:avLst/>
          </a:prstGeom>
          <a:noFill/>
          <a:ln>
            <a:noFill/>
          </a:ln>
        </p:spPr>
      </p:pic>
      <p:sp>
        <p:nvSpPr>
          <p:cNvPr id="49" name="Google Shape;49;p2"/>
          <p:cNvSpPr txBox="1"/>
          <p:nvPr/>
        </p:nvSpPr>
        <p:spPr>
          <a:xfrm>
            <a:off x="326571" y="3209853"/>
            <a:ext cx="5675877" cy="153888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/>
          <a:p>
            <a:pPr marL="342900" marR="0" lvl="0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 panose="020B0604020202020204" pitchFamily="34" charset="0"/>
              <a:buChar char="•"/>
            </a:pPr>
            <a:r>
              <a:rPr lang="da-DK" sz="2000" b="0" i="0" u="none" strike="noStrike" cap="none" dirty="0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Introduktioner</a:t>
            </a:r>
          </a:p>
          <a:p>
            <a:pPr marL="342900" marR="0" lvl="0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 panose="020B0604020202020204" pitchFamily="34" charset="0"/>
              <a:buChar char="•"/>
            </a:pPr>
            <a:endParaRPr lang="da-DK" sz="2000" dirty="0">
              <a:solidFill>
                <a:schemeClr val="dk1"/>
              </a:solidFill>
            </a:endParaRPr>
          </a:p>
          <a:p>
            <a:pPr marL="342900" marR="0" lvl="0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 panose="020B0604020202020204" pitchFamily="34" charset="0"/>
              <a:buChar char="•"/>
            </a:pPr>
            <a:r>
              <a:rPr lang="da-DK" sz="2000" b="0" i="0" u="none" strike="noStrike" cap="none" dirty="0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Highlights fra PwC’s Cyber</a:t>
            </a:r>
            <a:r>
              <a:rPr lang="da-DK" sz="2000" dirty="0">
                <a:solidFill>
                  <a:schemeClr val="dk1"/>
                </a:solidFill>
              </a:rPr>
              <a:t>crime </a:t>
            </a:r>
            <a:r>
              <a:rPr lang="da-DK" sz="2000" dirty="0" err="1">
                <a:solidFill>
                  <a:schemeClr val="dk1"/>
                </a:solidFill>
              </a:rPr>
              <a:t>Survey</a:t>
            </a:r>
            <a:r>
              <a:rPr lang="da-DK" sz="2000" dirty="0">
                <a:solidFill>
                  <a:schemeClr val="dk1"/>
                </a:solidFill>
              </a:rPr>
              <a:t> 2023</a:t>
            </a:r>
          </a:p>
          <a:p>
            <a:pPr marL="342900" marR="0" lvl="0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 panose="020B0604020202020204" pitchFamily="34" charset="0"/>
              <a:buChar char="•"/>
            </a:pPr>
            <a:endParaRPr lang="da-DK" sz="2000" b="0" i="0" u="none" strike="noStrike" cap="none" dirty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  <a:p>
            <a:pPr marL="342900" marR="0" lvl="0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 panose="020B0604020202020204" pitchFamily="34" charset="0"/>
              <a:buChar char="•"/>
            </a:pPr>
            <a:r>
              <a:rPr lang="da-DK" sz="2000" b="0" i="0" u="none" strike="noStrike" cap="none" dirty="0" err="1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Reflektioner</a:t>
            </a:r>
            <a:r>
              <a:rPr lang="da-DK" sz="2000" b="0" i="0" u="none" strike="noStrike" cap="none" dirty="0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 over vores fælles udfordringer</a:t>
            </a:r>
            <a:endParaRPr sz="2000" b="0" i="0" u="none" strike="noStrike" cap="none" dirty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0" name="Google Shape;50;p2"/>
          <p:cNvSpPr/>
          <p:nvPr/>
        </p:nvSpPr>
        <p:spPr>
          <a:xfrm>
            <a:off x="0" y="1068350"/>
            <a:ext cx="2370000" cy="825900"/>
          </a:xfrm>
          <a:prstGeom prst="rect">
            <a:avLst/>
          </a:prstGeom>
          <a:solidFill>
            <a:schemeClr val="lt1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600"/>
              <a:buFont typeface="Arial"/>
              <a:buNone/>
            </a:pPr>
            <a:endParaRPr sz="1600" b="0" i="0" u="none" strike="noStrike" cap="none">
              <a:solidFill>
                <a:schemeClr val="lt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1" name="Google Shape;51;p2"/>
          <p:cNvSpPr txBox="1"/>
          <p:nvPr/>
        </p:nvSpPr>
        <p:spPr>
          <a:xfrm>
            <a:off x="326570" y="1404391"/>
            <a:ext cx="1772700" cy="49244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000"/>
              <a:buFont typeface="Arial"/>
              <a:buNone/>
            </a:pPr>
            <a:r>
              <a:rPr lang="da-DK" sz="3200" b="0" i="0" u="none" strike="noStrike" cap="none" dirty="0">
                <a:solidFill>
                  <a:schemeClr val="dk1"/>
                </a:solidFill>
                <a:latin typeface="Georgia"/>
                <a:ea typeface="Georgia"/>
                <a:cs typeface="Georgia"/>
                <a:sym typeface="Georgia"/>
              </a:rPr>
              <a:t>Agenda</a:t>
            </a:r>
            <a:endParaRPr sz="3200"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cxnSp>
        <p:nvCxnSpPr>
          <p:cNvPr id="54" name="Google Shape;54;p2"/>
          <p:cNvCxnSpPr>
            <a:cxnSpLocks/>
          </p:cNvCxnSpPr>
          <p:nvPr/>
        </p:nvCxnSpPr>
        <p:spPr>
          <a:xfrm flipV="1">
            <a:off x="181069" y="2081428"/>
            <a:ext cx="11589446" cy="22033"/>
          </a:xfrm>
          <a:prstGeom prst="straightConnector1">
            <a:avLst/>
          </a:prstGeom>
          <a:noFill/>
          <a:ln w="10150" cap="sq" cmpd="sng">
            <a:solidFill>
              <a:schemeClr val="dk1"/>
            </a:solidFill>
            <a:prstDash val="solid"/>
            <a:round/>
            <a:headEnd type="none" w="sm" len="sm"/>
            <a:tailEnd type="none" w="sm" len="sm"/>
          </a:ln>
        </p:spPr>
      </p:cxnSp>
      <p:pic>
        <p:nvPicPr>
          <p:cNvPr id="57" name="Google Shape;57;p2"/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 rot="-3865511">
            <a:off x="10267216" y="-1744592"/>
            <a:ext cx="3297796" cy="3297796"/>
          </a:xfrm>
          <a:prstGeom prst="rect">
            <a:avLst/>
          </a:prstGeom>
          <a:noFill/>
          <a:ln>
            <a:noFill/>
          </a:ln>
        </p:spPr>
      </p:pic>
      <p:pic>
        <p:nvPicPr>
          <p:cNvPr id="2" name="Google Shape;438;p33">
            <a:extLst>
              <a:ext uri="{FF2B5EF4-FFF2-40B4-BE49-F238E27FC236}">
                <a16:creationId xmlns:a16="http://schemas.microsoft.com/office/drawing/2014/main" id="{99A85363-42DB-D1EA-4FBB-90159879CE22}"/>
              </a:ext>
            </a:extLst>
          </p:cNvPr>
          <p:cNvPicPr preferRelativeResize="0"/>
          <p:nvPr/>
        </p:nvPicPr>
        <p:blipFill rotWithShape="1">
          <a:blip r:embed="rId5">
            <a:alphaModFix/>
          </a:blip>
          <a:srcRect/>
          <a:stretch/>
        </p:blipFill>
        <p:spPr>
          <a:xfrm>
            <a:off x="7466806" y="2390116"/>
            <a:ext cx="1106728" cy="1528083"/>
          </a:xfrm>
          <a:prstGeom prst="rect">
            <a:avLst/>
          </a:prstGeom>
          <a:noFill/>
          <a:ln>
            <a:noFill/>
          </a:ln>
        </p:spPr>
      </p:pic>
      <p:sp>
        <p:nvSpPr>
          <p:cNvPr id="3" name="Google Shape;441;p33">
            <a:extLst>
              <a:ext uri="{FF2B5EF4-FFF2-40B4-BE49-F238E27FC236}">
                <a16:creationId xmlns:a16="http://schemas.microsoft.com/office/drawing/2014/main" id="{12A57FE9-2FEE-C975-B04A-E0AEA32FB9E4}"/>
              </a:ext>
            </a:extLst>
          </p:cNvPr>
          <p:cNvSpPr txBox="1"/>
          <p:nvPr/>
        </p:nvSpPr>
        <p:spPr>
          <a:xfrm>
            <a:off x="9154999" y="3453536"/>
            <a:ext cx="2071295" cy="75405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</a:pPr>
            <a:r>
              <a:rPr lang="da-DK" b="0" i="0" u="none" strike="noStrike" cap="none" dirty="0">
                <a:solidFill>
                  <a:schemeClr val="dk1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Christian Kjær</a:t>
            </a: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</a:pPr>
            <a:r>
              <a:rPr lang="da-DK" dirty="0">
                <a:solidFill>
                  <a:schemeClr val="dk1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Partner | </a:t>
            </a:r>
            <a:r>
              <a:rPr lang="da-DK" dirty="0" err="1">
                <a:solidFill>
                  <a:schemeClr val="dk1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Cyber</a:t>
            </a:r>
            <a:r>
              <a:rPr lang="da-DK" dirty="0">
                <a:solidFill>
                  <a:schemeClr val="dk1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&amp; </a:t>
            </a:r>
            <a:r>
              <a:rPr lang="da-DK" dirty="0" err="1">
                <a:solidFill>
                  <a:schemeClr val="dk1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Privacy</a:t>
            </a:r>
            <a:r>
              <a:rPr lang="da-DK" b="0" i="0" u="none" strike="noStrike" cap="none" dirty="0">
                <a:solidFill>
                  <a:schemeClr val="dk1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</a:t>
            </a:r>
            <a:endParaRPr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0000"/>
              </a:buClr>
              <a:buSzPts val="1600"/>
              <a:buFont typeface="Arial"/>
              <a:buNone/>
            </a:pPr>
            <a:endParaRPr sz="1600" b="0" i="0" u="none" strike="noStrike" cap="none" dirty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27189B4F-3ACA-E578-0A98-686727C26C91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26370" t="9419" r="18077" b="40679"/>
          <a:stretch/>
        </p:blipFill>
        <p:spPr>
          <a:xfrm>
            <a:off x="7466806" y="4360838"/>
            <a:ext cx="1192990" cy="1607463"/>
          </a:xfrm>
          <a:prstGeom prst="rect">
            <a:avLst/>
          </a:prstGeom>
        </p:spPr>
      </p:pic>
      <p:sp>
        <p:nvSpPr>
          <p:cNvPr id="8" name="Google Shape;441;p33">
            <a:extLst>
              <a:ext uri="{FF2B5EF4-FFF2-40B4-BE49-F238E27FC236}">
                <a16:creationId xmlns:a16="http://schemas.microsoft.com/office/drawing/2014/main" id="{6595FFAF-736D-CEBF-9C70-8C83EC52E208}"/>
              </a:ext>
            </a:extLst>
          </p:cNvPr>
          <p:cNvSpPr txBox="1"/>
          <p:nvPr/>
        </p:nvSpPr>
        <p:spPr>
          <a:xfrm>
            <a:off x="9154999" y="5268887"/>
            <a:ext cx="2293573" cy="96949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</a:pPr>
            <a:r>
              <a:rPr lang="da-DK" b="0" i="0" u="none" strike="noStrike" cap="none" dirty="0">
                <a:solidFill>
                  <a:schemeClr val="dk1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Thomas Zakarias</a:t>
            </a: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</a:pPr>
            <a:r>
              <a:rPr lang="da-DK" dirty="0">
                <a:solidFill>
                  <a:schemeClr val="dk1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Senior </a:t>
            </a:r>
            <a:r>
              <a:rPr lang="da-DK" dirty="0" err="1">
                <a:solidFill>
                  <a:schemeClr val="dk1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Director</a:t>
            </a:r>
            <a:r>
              <a:rPr lang="da-DK" dirty="0">
                <a:solidFill>
                  <a:schemeClr val="dk1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&amp; CISO</a:t>
            </a: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200"/>
              <a:buFont typeface="Arial"/>
              <a:buNone/>
            </a:pPr>
            <a:r>
              <a:rPr lang="da-DK" dirty="0">
                <a:solidFill>
                  <a:schemeClr val="dk1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DSV A/S</a:t>
            </a:r>
            <a:r>
              <a:rPr lang="da-DK" b="0" i="0" u="none" strike="noStrike" cap="none" dirty="0">
                <a:solidFill>
                  <a:schemeClr val="dk1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</a:t>
            </a:r>
            <a:endParaRPr b="0" i="0" u="none" strike="noStrike" cap="none" dirty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0000"/>
              </a:buClr>
              <a:buSzPts val="1600"/>
              <a:buFont typeface="Arial"/>
              <a:buNone/>
            </a:pPr>
            <a:endParaRPr sz="1600" b="0" i="0" u="none" strike="noStrike" cap="none" dirty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225BBEE1-1845-1CF0-B4DC-8E5A3846F8E8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fld id="{7078A906-2D08-41E1-AB60-65B14A75BB60}" type="slidenum">
              <a:rPr lang="da-DK" smtClean="0"/>
              <a:pPr/>
              <a:t>2</a:t>
            </a:fld>
            <a:endParaRPr lang="da-DK"/>
          </a:p>
        </p:txBody>
      </p:sp>
      <p:sp>
        <p:nvSpPr>
          <p:cNvPr id="12" name="Date Placeholder 11">
            <a:extLst>
              <a:ext uri="{FF2B5EF4-FFF2-40B4-BE49-F238E27FC236}">
                <a16:creationId xmlns:a16="http://schemas.microsoft.com/office/drawing/2014/main" id="{8DAEDAC0-D4F4-AFF9-26DD-87D83689791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3" name="Footer Placeholder 12">
            <a:extLst>
              <a:ext uri="{FF2B5EF4-FFF2-40B4-BE49-F238E27FC236}">
                <a16:creationId xmlns:a16="http://schemas.microsoft.com/office/drawing/2014/main" id="{009CC420-B7B2-FA57-2A91-D8C83C29E723}"/>
              </a:ext>
            </a:extLst>
          </p:cNvPr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da-DK"/>
              <a:t>Cyber Agenda 2024</a:t>
            </a:r>
          </a:p>
        </p:txBody>
      </p:sp>
    </p:spTree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0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12" name="Google Shape;412;g2a1b6206481_0_98"/>
          <p:cNvPicPr preferRelativeResize="0"/>
          <p:nvPr/>
        </p:nvPicPr>
        <p:blipFill rotWithShape="1">
          <a:blip r:embed="rId3">
            <a:alphaModFix/>
          </a:blip>
          <a:srcRect l="11261" r="46530"/>
          <a:stretch/>
        </p:blipFill>
        <p:spPr>
          <a:xfrm>
            <a:off x="8912000" y="-10825"/>
            <a:ext cx="3349151" cy="6361226"/>
          </a:xfrm>
          <a:prstGeom prst="rect">
            <a:avLst/>
          </a:prstGeom>
          <a:noFill/>
          <a:ln>
            <a:noFill/>
          </a:ln>
        </p:spPr>
      </p:pic>
      <p:sp>
        <p:nvSpPr>
          <p:cNvPr id="415" name="Google Shape;415;g2a1b6206481_0_98"/>
          <p:cNvSpPr txBox="1"/>
          <p:nvPr/>
        </p:nvSpPr>
        <p:spPr>
          <a:xfrm>
            <a:off x="6096001" y="2880011"/>
            <a:ext cx="2772608" cy="83099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000"/>
              <a:buFont typeface="Arial"/>
              <a:buNone/>
            </a:pPr>
            <a:r>
              <a:rPr lang="da-DK" sz="1800" b="1" dirty="0">
                <a:solidFill>
                  <a:srgbClr val="DB3A61"/>
                </a:solidFill>
                <a:latin typeface="+mj-lt"/>
                <a:ea typeface="Georgia"/>
                <a:cs typeface="Georgia"/>
                <a:sym typeface="Georgia"/>
              </a:rPr>
              <a:t>Download</a:t>
            </a:r>
            <a:endParaRPr sz="1800" b="1" dirty="0">
              <a:solidFill>
                <a:srgbClr val="DB3A61"/>
              </a:solidFill>
              <a:latin typeface="+mj-lt"/>
              <a:ea typeface="Georgia"/>
              <a:cs typeface="Georgia"/>
              <a:sym typeface="Georgia"/>
            </a:endParaRPr>
          </a:p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2000"/>
              <a:buFont typeface="Arial"/>
              <a:buNone/>
            </a:pPr>
            <a:r>
              <a:rPr lang="da-DK" sz="1800" b="1" dirty="0">
                <a:solidFill>
                  <a:srgbClr val="DB3A61"/>
                </a:solidFill>
                <a:latin typeface="+mj-lt"/>
                <a:ea typeface="Georgia"/>
                <a:cs typeface="Georgia"/>
                <a:sym typeface="Georgia"/>
              </a:rPr>
              <a:t>PwC’s Cybercrime </a:t>
            </a:r>
            <a:r>
              <a:rPr lang="da-DK" sz="1800" b="1" dirty="0" err="1">
                <a:solidFill>
                  <a:srgbClr val="DB3A61"/>
                </a:solidFill>
                <a:latin typeface="+mj-lt"/>
                <a:ea typeface="Georgia"/>
                <a:cs typeface="Georgia"/>
                <a:sym typeface="Georgia"/>
              </a:rPr>
              <a:t>Survey</a:t>
            </a:r>
            <a:r>
              <a:rPr lang="da-DK" sz="1800" b="1" dirty="0">
                <a:solidFill>
                  <a:srgbClr val="DB3A61"/>
                </a:solidFill>
                <a:latin typeface="+mj-lt"/>
                <a:ea typeface="Georgia"/>
                <a:cs typeface="Georgia"/>
                <a:sym typeface="Georgia"/>
              </a:rPr>
              <a:t> 2023</a:t>
            </a:r>
            <a:r>
              <a:rPr lang="da-DK" sz="1800" b="1" i="0" u="none" strike="noStrike" cap="none" dirty="0">
                <a:solidFill>
                  <a:srgbClr val="DB3A61"/>
                </a:solidFill>
                <a:latin typeface="+mj-lt"/>
                <a:ea typeface="Georgia"/>
                <a:cs typeface="Georgia"/>
                <a:sym typeface="Georgia"/>
              </a:rPr>
              <a:t> </a:t>
            </a:r>
            <a:endParaRPr sz="1800" b="1" i="0" u="none" strike="noStrike" cap="none" dirty="0">
              <a:solidFill>
                <a:srgbClr val="DB3A61"/>
              </a:solidFill>
              <a:latin typeface="+mj-lt"/>
              <a:ea typeface="Georgia"/>
              <a:cs typeface="Georgia"/>
              <a:sym typeface="Georgia"/>
            </a:endParaRPr>
          </a:p>
        </p:txBody>
      </p:sp>
      <p:pic>
        <p:nvPicPr>
          <p:cNvPr id="416" name="Google Shape;416;g2a1b6206481_0_98"/>
          <p:cNvPicPr preferRelativeResize="0">
            <a:picLocks noChangeAspect="1"/>
          </p:cNvPicPr>
          <p:nvPr/>
        </p:nvPicPr>
        <p:blipFill>
          <a:blip r:embed="rId4">
            <a:alphaModFix/>
          </a:blip>
          <a:stretch>
            <a:fillRect/>
          </a:stretch>
        </p:blipFill>
        <p:spPr>
          <a:xfrm>
            <a:off x="5852195" y="3992086"/>
            <a:ext cx="2483324" cy="2592811"/>
          </a:xfrm>
          <a:prstGeom prst="rect">
            <a:avLst/>
          </a:prstGeom>
          <a:noFill/>
          <a:ln>
            <a:noFill/>
          </a:ln>
        </p:spPr>
      </p:pic>
      <p:pic>
        <p:nvPicPr>
          <p:cNvPr id="418" name="Google Shape;418;g2a1b6206481_0_98"/>
          <p:cNvPicPr preferRelativeResize="0"/>
          <p:nvPr/>
        </p:nvPicPr>
        <p:blipFill rotWithShape="1">
          <a:blip r:embed="rId5">
            <a:alphaModFix/>
          </a:blip>
          <a:srcRect/>
          <a:stretch/>
        </p:blipFill>
        <p:spPr>
          <a:xfrm rot="-3865511">
            <a:off x="10267216" y="-1744592"/>
            <a:ext cx="3297796" cy="3297796"/>
          </a:xfrm>
          <a:prstGeom prst="rect">
            <a:avLst/>
          </a:prstGeom>
          <a:noFill/>
          <a:ln>
            <a:noFill/>
          </a:ln>
        </p:spPr>
      </p:pic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04341FD5-6ABC-036C-9A95-1590BE6D98D4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fld id="{7078A906-2D08-41E1-AB60-65B14A75BB60}" type="slidenum">
              <a:rPr lang="da-DK" smtClean="0"/>
              <a:pPr/>
              <a:t>20</a:t>
            </a:fld>
            <a:endParaRPr lang="da-DK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76F6DAA-4DD1-804B-0E63-BCD24F23185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/>
          </a:p>
        </p:txBody>
      </p:sp>
      <p:grpSp>
        <p:nvGrpSpPr>
          <p:cNvPr id="6" name="Google Shape;429;p33">
            <a:extLst>
              <a:ext uri="{FF2B5EF4-FFF2-40B4-BE49-F238E27FC236}">
                <a16:creationId xmlns:a16="http://schemas.microsoft.com/office/drawing/2014/main" id="{82BF083B-5FE1-F407-0E7D-7FB3A815652E}"/>
              </a:ext>
            </a:extLst>
          </p:cNvPr>
          <p:cNvGrpSpPr/>
          <p:nvPr/>
        </p:nvGrpSpPr>
        <p:grpSpPr>
          <a:xfrm>
            <a:off x="690928" y="982347"/>
            <a:ext cx="7752401" cy="1498675"/>
            <a:chOff x="768102" y="2105866"/>
            <a:chExt cx="9302137" cy="1498675"/>
          </a:xfrm>
        </p:grpSpPr>
        <p:cxnSp>
          <p:nvCxnSpPr>
            <p:cNvPr id="7" name="Google Shape;430;p33">
              <a:extLst>
                <a:ext uri="{FF2B5EF4-FFF2-40B4-BE49-F238E27FC236}">
                  <a16:creationId xmlns:a16="http://schemas.microsoft.com/office/drawing/2014/main" id="{5B839741-A8FD-984D-1BCB-CAA40339402F}"/>
                </a:ext>
              </a:extLst>
            </p:cNvPr>
            <p:cNvCxnSpPr>
              <a:cxnSpLocks/>
            </p:cNvCxnSpPr>
            <p:nvPr/>
          </p:nvCxnSpPr>
          <p:spPr>
            <a:xfrm>
              <a:off x="768102" y="2105866"/>
              <a:ext cx="8739777" cy="0"/>
            </a:xfrm>
            <a:prstGeom prst="straightConnector1">
              <a:avLst/>
            </a:prstGeom>
            <a:noFill/>
            <a:ln w="10150" cap="sq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p:spPr>
        </p:cxnSp>
        <p:sp>
          <p:nvSpPr>
            <p:cNvPr id="8" name="Google Shape;431;p33">
              <a:extLst>
                <a:ext uri="{FF2B5EF4-FFF2-40B4-BE49-F238E27FC236}">
                  <a16:creationId xmlns:a16="http://schemas.microsoft.com/office/drawing/2014/main" id="{35BD13A0-29CF-8B7E-C302-189653FEF613}"/>
                </a:ext>
              </a:extLst>
            </p:cNvPr>
            <p:cNvSpPr txBox="1"/>
            <p:nvPr/>
          </p:nvSpPr>
          <p:spPr>
            <a:xfrm>
              <a:off x="1330463" y="2311922"/>
              <a:ext cx="8739776" cy="1138773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0" tIns="0" rIns="0" bIns="0" anchor="t" anchorCtr="0">
              <a:spAutoFit/>
            </a:bodyPr>
            <a:lstStyle/>
            <a:p>
              <a:pPr marL="0" lvl="0" indent="0" algn="l" rtl="0"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100"/>
                <a:buFont typeface="Arial"/>
                <a:buNone/>
              </a:pPr>
              <a:r>
                <a:rPr lang="da-DK" sz="6000" dirty="0">
                  <a:solidFill>
                    <a:srgbClr val="DD405F"/>
                  </a:solidFill>
                </a:rPr>
                <a:t>TAK FOR I DAG</a:t>
              </a:r>
              <a:endParaRPr sz="6000" dirty="0">
                <a:solidFill>
                  <a:srgbClr val="DD405F"/>
                </a:solidFill>
              </a:endParaRPr>
            </a:p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100"/>
                <a:buFont typeface="Arial"/>
                <a:buNone/>
              </a:pPr>
              <a:endParaRPr dirty="0">
                <a:solidFill>
                  <a:srgbClr val="DD405F"/>
                </a:solidFill>
              </a:endParaRPr>
            </a:p>
          </p:txBody>
        </p:sp>
        <p:cxnSp>
          <p:nvCxnSpPr>
            <p:cNvPr id="9" name="Google Shape;432;p33">
              <a:extLst>
                <a:ext uri="{FF2B5EF4-FFF2-40B4-BE49-F238E27FC236}">
                  <a16:creationId xmlns:a16="http://schemas.microsoft.com/office/drawing/2014/main" id="{406DAA88-5C77-8EEE-8D6F-6AD3E2450E8A}"/>
                </a:ext>
              </a:extLst>
            </p:cNvPr>
            <p:cNvCxnSpPr>
              <a:cxnSpLocks/>
            </p:cNvCxnSpPr>
            <p:nvPr/>
          </p:nvCxnSpPr>
          <p:spPr>
            <a:xfrm>
              <a:off x="768102" y="3604541"/>
              <a:ext cx="8739778" cy="0"/>
            </a:xfrm>
            <a:prstGeom prst="straightConnector1">
              <a:avLst/>
            </a:prstGeom>
            <a:noFill/>
            <a:ln w="10150" cap="sq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p:spPr>
        </p:cxnSp>
      </p:grpSp>
      <p:pic>
        <p:nvPicPr>
          <p:cNvPr id="16" name="Picture 15">
            <a:extLst>
              <a:ext uri="{FF2B5EF4-FFF2-40B4-BE49-F238E27FC236}">
                <a16:creationId xmlns:a16="http://schemas.microsoft.com/office/drawing/2014/main" id="{126CAFC8-5749-85A2-8C4C-0131A710E65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90928" y="2896035"/>
            <a:ext cx="1780669" cy="3230418"/>
          </a:xfrm>
          <a:prstGeom prst="rect">
            <a:avLst/>
          </a:prstGeom>
        </p:spPr>
      </p:pic>
    </p:spTree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64EF56B-A946-54EA-9DFF-886E84F79A0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2800" spc="-75" dirty="0"/>
              <a:t>DSV</a:t>
            </a:r>
            <a:endParaRPr lang="en-GB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61777CC-07B0-D2A8-6E13-BB8B78CBC7EB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EF7201-F92F-4B08-8CD8-21667D02614A}" type="slidenum">
              <a:rPr kumimoji="0" lang="en-US" sz="8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00B12DB-6137-381B-CCA6-5BB54A68BBFF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C968453-BAB5-46CE-A4CF-38551120EE52}" type="datetime3">
              <a:rPr kumimoji="0" lang="en-US" sz="1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 December 2023</a:t>
            </a:fld>
            <a:endParaRPr kumimoji="0" lang="en-US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58BFD5F-04EC-2959-0ED1-C3DDD765F283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t>Add place via Insert, Header &amp; Footer</a:t>
            </a:r>
            <a:endParaRPr kumimoji="0" lang="en-US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906FCE1D-59E5-BC9D-7669-64D1A4CFA100}"/>
              </a:ext>
            </a:extLst>
          </p:cNvPr>
          <p:cNvSpPr>
            <a:spLocks/>
          </p:cNvSpPr>
          <p:nvPr/>
        </p:nvSpPr>
        <p:spPr>
          <a:xfrm>
            <a:off x="7042880" y="1284924"/>
            <a:ext cx="4125548" cy="2627510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Rectangle 220">
            <a:extLst>
              <a:ext uri="{FF2B5EF4-FFF2-40B4-BE49-F238E27FC236}">
                <a16:creationId xmlns:a16="http://schemas.microsoft.com/office/drawing/2014/main" id="{C629DA1E-C65F-B7C9-BFF9-350FC045838E}"/>
              </a:ext>
            </a:extLst>
          </p:cNvPr>
          <p:cNvSpPr/>
          <p:nvPr/>
        </p:nvSpPr>
        <p:spPr>
          <a:xfrm>
            <a:off x="8046814" y="3469463"/>
            <a:ext cx="2932338" cy="376704"/>
          </a:xfrm>
          <a:prstGeom prst="rect">
            <a:avLst/>
          </a:prstGeom>
        </p:spPr>
        <p:txBody>
          <a:bodyPr wrap="square" lIns="36000" tIns="36000" rIns="36000" bIns="0" anchor="t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Segoe UI" panose="020B0502040204020203" pitchFamily="34" charset="0"/>
              </a:rPr>
              <a:t>Fortune Global 500 company</a:t>
            </a:r>
            <a:endParaRPr kumimoji="0" lang="en-GB" sz="1000" b="1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Segoe UI" panose="020B0502040204020203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632F48C4-73A6-F790-0CEE-AE47F8852B39}"/>
              </a:ext>
            </a:extLst>
          </p:cNvPr>
          <p:cNvSpPr>
            <a:spLocks/>
          </p:cNvSpPr>
          <p:nvPr/>
        </p:nvSpPr>
        <p:spPr>
          <a:xfrm>
            <a:off x="1023576" y="1284925"/>
            <a:ext cx="2932039" cy="4543714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869A08B5-7B20-B8C8-726B-1CE2F328E852}"/>
              </a:ext>
            </a:extLst>
          </p:cNvPr>
          <p:cNvSpPr>
            <a:spLocks/>
          </p:cNvSpPr>
          <p:nvPr/>
        </p:nvSpPr>
        <p:spPr>
          <a:xfrm>
            <a:off x="4041504" y="1284925"/>
            <a:ext cx="2913456" cy="4543714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E4ABD989-DFA0-C0AC-2683-A69BCC432E0B}"/>
              </a:ext>
            </a:extLst>
          </p:cNvPr>
          <p:cNvSpPr>
            <a:spLocks/>
          </p:cNvSpPr>
          <p:nvPr/>
        </p:nvSpPr>
        <p:spPr>
          <a:xfrm>
            <a:off x="7040850" y="3999394"/>
            <a:ext cx="4125600" cy="1829244"/>
          </a:xfrm>
          <a:prstGeom prst="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61232A5B-D8E5-E14C-2AB7-763694A6F595}"/>
              </a:ext>
            </a:extLst>
          </p:cNvPr>
          <p:cNvSpPr txBox="1">
            <a:spLocks/>
          </p:cNvSpPr>
          <p:nvPr/>
        </p:nvSpPr>
        <p:spPr>
          <a:xfrm>
            <a:off x="4048249" y="1493468"/>
            <a:ext cx="2844087" cy="447419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288000" indent="-28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50800" indent="-252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06400" indent="-252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62000" indent="-252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21200" indent="-252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321200" indent="-252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321200" indent="-252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buFont typeface="Arial" panose="020B0604020202020204" pitchFamily="34" charset="0"/>
              <a:buChar char="•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321200" indent="-252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321200" indent="-252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buFont typeface="Arial" panose="020B0604020202020204" pitchFamily="34" charset="0"/>
              <a:buChar char="•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sz="20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One company – </a:t>
            </a:r>
            <a:br>
              <a:rPr kumimoji="0" lang="en-GB" sz="20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</a:br>
            <a:r>
              <a:rPr kumimoji="0" lang="en-GB" sz="20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three divisions</a:t>
            </a:r>
          </a:p>
        </p:txBody>
      </p:sp>
      <p:sp>
        <p:nvSpPr>
          <p:cNvPr id="12" name="Content Placeholder 3">
            <a:extLst>
              <a:ext uri="{FF2B5EF4-FFF2-40B4-BE49-F238E27FC236}">
                <a16:creationId xmlns:a16="http://schemas.microsoft.com/office/drawing/2014/main" id="{51DF80AE-D5D1-47E0-BBE2-6361D6C2CBC7}"/>
              </a:ext>
            </a:extLst>
          </p:cNvPr>
          <p:cNvSpPr txBox="1">
            <a:spLocks/>
          </p:cNvSpPr>
          <p:nvPr/>
        </p:nvSpPr>
        <p:spPr>
          <a:xfrm>
            <a:off x="1378246" y="1493468"/>
            <a:ext cx="2046059" cy="221491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288000" indent="-28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50800" indent="-252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06400" indent="-252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62000" indent="-252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21200" indent="-252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321200" indent="-252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321200" indent="-252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buFont typeface="Arial" panose="020B0604020202020204" pitchFamily="34" charset="0"/>
              <a:buChar char="•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321200" indent="-252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321200" indent="-252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buFont typeface="Arial" panose="020B0604020202020204" pitchFamily="34" charset="0"/>
              <a:buChar char="•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altLang="en-US" sz="20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Arial" charset="0"/>
              </a:rPr>
              <a:t>Global operations</a:t>
            </a:r>
          </a:p>
        </p:txBody>
      </p:sp>
      <p:sp>
        <p:nvSpPr>
          <p:cNvPr id="13" name="Content Placeholder 3">
            <a:extLst>
              <a:ext uri="{FF2B5EF4-FFF2-40B4-BE49-F238E27FC236}">
                <a16:creationId xmlns:a16="http://schemas.microsoft.com/office/drawing/2014/main" id="{E3AF6DE4-6FEA-25A5-8301-802AF80A188E}"/>
              </a:ext>
            </a:extLst>
          </p:cNvPr>
          <p:cNvSpPr txBox="1">
            <a:spLocks/>
          </p:cNvSpPr>
          <p:nvPr/>
        </p:nvSpPr>
        <p:spPr>
          <a:xfrm>
            <a:off x="7042879" y="1493469"/>
            <a:ext cx="4125547" cy="235586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288000" indent="-28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50800" indent="-252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06400" indent="-252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62000" indent="-252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21200" indent="-252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321200" indent="-252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321200" indent="-252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buFont typeface="Arial" panose="020B0604020202020204" pitchFamily="34" charset="0"/>
              <a:buChar char="•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321200" indent="-252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321200" indent="-252000" algn="l" defTabSz="914400" rtl="0" eaLnBrk="1" latinLnBrk="0" hangingPunct="1">
              <a:lnSpc>
                <a:spcPct val="100000"/>
              </a:lnSpc>
              <a:spcBef>
                <a:spcPts val="300"/>
              </a:spcBef>
              <a:buFont typeface="Arial" panose="020B0604020202020204" pitchFamily="34" charset="0"/>
              <a:buChar char="•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sz="20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SV</a:t>
            </a:r>
          </a:p>
        </p:txBody>
      </p:sp>
      <p:sp>
        <p:nvSpPr>
          <p:cNvPr id="14" name="Rectangle 220">
            <a:extLst>
              <a:ext uri="{FF2B5EF4-FFF2-40B4-BE49-F238E27FC236}">
                <a16:creationId xmlns:a16="http://schemas.microsoft.com/office/drawing/2014/main" id="{C13B1DD8-30D1-F8D6-9836-DAADC2064010}"/>
              </a:ext>
            </a:extLst>
          </p:cNvPr>
          <p:cNvSpPr>
            <a:spLocks/>
          </p:cNvSpPr>
          <p:nvPr/>
        </p:nvSpPr>
        <p:spPr>
          <a:xfrm>
            <a:off x="5300538" y="2414928"/>
            <a:ext cx="1554439" cy="462514"/>
          </a:xfrm>
          <a:prstGeom prst="rect">
            <a:avLst/>
          </a:prstGeom>
        </p:spPr>
        <p:txBody>
          <a:bodyPr wrap="square" lIns="0" tIns="0" rIns="0" bIns="0" anchor="t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Segoe UI" panose="020B0502040204020203" pitchFamily="34" charset="0"/>
              </a:rPr>
              <a:t>Air &amp; Sea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7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Segoe UI" panose="020B0502040204020203" pitchFamily="34" charset="0"/>
              </a:rPr>
              <a:t>A global network</a:t>
            </a:r>
          </a:p>
        </p:txBody>
      </p:sp>
      <p:sp>
        <p:nvSpPr>
          <p:cNvPr id="15" name="Rectangle 220">
            <a:extLst>
              <a:ext uri="{FF2B5EF4-FFF2-40B4-BE49-F238E27FC236}">
                <a16:creationId xmlns:a16="http://schemas.microsoft.com/office/drawing/2014/main" id="{BDF6C1FE-2293-7B2E-F7E0-D76EB8D4BD07}"/>
              </a:ext>
            </a:extLst>
          </p:cNvPr>
          <p:cNvSpPr>
            <a:spLocks/>
          </p:cNvSpPr>
          <p:nvPr/>
        </p:nvSpPr>
        <p:spPr>
          <a:xfrm>
            <a:off x="5302356" y="3478598"/>
            <a:ext cx="1543034" cy="745219"/>
          </a:xfrm>
          <a:prstGeom prst="rect">
            <a:avLst/>
          </a:prstGeom>
        </p:spPr>
        <p:txBody>
          <a:bodyPr wrap="square" lIns="0" tIns="0" rIns="0" bIns="0" anchor="t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Segoe UI" panose="020B0502040204020203" pitchFamily="34" charset="0"/>
              </a:rPr>
              <a:t>Road</a:t>
            </a:r>
            <a:endParaRPr kumimoji="0" lang="en-GB" sz="2000" b="1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Segoe UI" panose="020B0502040204020203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7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Segoe UI" panose="020B0502040204020203" pitchFamily="34" charset="0"/>
              </a:rPr>
              <a:t>Overland transport in Europe, North America, Middle East and South Africa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200" b="1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Segoe UI" panose="020B0502040204020203" pitchFamily="34" charset="0"/>
            </a:endParaRPr>
          </a:p>
        </p:txBody>
      </p:sp>
      <p:grpSp>
        <p:nvGrpSpPr>
          <p:cNvPr id="16" name="Graphic 80">
            <a:extLst>
              <a:ext uri="{FF2B5EF4-FFF2-40B4-BE49-F238E27FC236}">
                <a16:creationId xmlns:a16="http://schemas.microsoft.com/office/drawing/2014/main" id="{8238D3B6-57CC-6906-A76A-960A3D4C0DD1}"/>
              </a:ext>
            </a:extLst>
          </p:cNvPr>
          <p:cNvGrpSpPr>
            <a:grpSpLocks/>
          </p:cNvGrpSpPr>
          <p:nvPr/>
        </p:nvGrpSpPr>
        <p:grpSpPr>
          <a:xfrm>
            <a:off x="4316232" y="3634506"/>
            <a:ext cx="668356" cy="347490"/>
            <a:chOff x="4321592" y="3770624"/>
            <a:chExt cx="731793" cy="380471"/>
          </a:xfrm>
          <a:solidFill>
            <a:schemeClr val="accent1"/>
          </a:solidFill>
        </p:grpSpPr>
        <p:sp>
          <p:nvSpPr>
            <p:cNvPr id="17" name="Freeform: Shape 16">
              <a:extLst>
                <a:ext uri="{FF2B5EF4-FFF2-40B4-BE49-F238E27FC236}">
                  <a16:creationId xmlns:a16="http://schemas.microsoft.com/office/drawing/2014/main" id="{6D1F5864-912D-C375-5A86-C44EDC81011A}"/>
                </a:ext>
              </a:extLst>
            </p:cNvPr>
            <p:cNvSpPr/>
            <p:nvPr/>
          </p:nvSpPr>
          <p:spPr>
            <a:xfrm>
              <a:off x="4544812" y="3984639"/>
              <a:ext cx="453343" cy="7670"/>
            </a:xfrm>
            <a:custGeom>
              <a:avLst/>
              <a:gdLst>
                <a:gd name="connsiteX0" fmla="*/ 453343 w 453343"/>
                <a:gd name="connsiteY0" fmla="*/ 0 h 7670"/>
                <a:gd name="connsiteX1" fmla="*/ 0 w 453343"/>
                <a:gd name="connsiteY1" fmla="*/ 0 h 7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453343" h="7670">
                  <a:moveTo>
                    <a:pt x="453343" y="0"/>
                  </a:moveTo>
                  <a:lnTo>
                    <a:pt x="0" y="0"/>
                  </a:lnTo>
                </a:path>
              </a:pathLst>
            </a:custGeom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8" name="Freeform: Shape 17">
              <a:extLst>
                <a:ext uri="{FF2B5EF4-FFF2-40B4-BE49-F238E27FC236}">
                  <a16:creationId xmlns:a16="http://schemas.microsoft.com/office/drawing/2014/main" id="{A2B740CB-8A08-C533-F10A-EFF4E56C6AB3}"/>
                </a:ext>
              </a:extLst>
            </p:cNvPr>
            <p:cNvSpPr/>
            <p:nvPr/>
          </p:nvSpPr>
          <p:spPr>
            <a:xfrm>
              <a:off x="4544812" y="3770624"/>
              <a:ext cx="508573" cy="320638"/>
            </a:xfrm>
            <a:custGeom>
              <a:avLst/>
              <a:gdLst>
                <a:gd name="connsiteX0" fmla="*/ 458713 w 508573"/>
                <a:gd name="connsiteY0" fmla="*/ 320639 h 320638"/>
                <a:gd name="connsiteX1" fmla="*/ 508573 w 508573"/>
                <a:gd name="connsiteY1" fmla="*/ 320639 h 320638"/>
                <a:gd name="connsiteX2" fmla="*/ 508573 w 508573"/>
                <a:gd name="connsiteY2" fmla="*/ 0 h 320638"/>
                <a:gd name="connsiteX3" fmla="*/ 0 w 508573"/>
                <a:gd name="connsiteY3" fmla="*/ 0 h 320638"/>
                <a:gd name="connsiteX4" fmla="*/ 0 w 508573"/>
                <a:gd name="connsiteY4" fmla="*/ 320639 h 320638"/>
                <a:gd name="connsiteX5" fmla="*/ 273847 w 508573"/>
                <a:gd name="connsiteY5" fmla="*/ 320639 h 32063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508573" h="320638">
                  <a:moveTo>
                    <a:pt x="458713" y="320639"/>
                  </a:moveTo>
                  <a:lnTo>
                    <a:pt x="508573" y="320639"/>
                  </a:lnTo>
                  <a:lnTo>
                    <a:pt x="508573" y="0"/>
                  </a:lnTo>
                  <a:lnTo>
                    <a:pt x="0" y="0"/>
                  </a:lnTo>
                  <a:lnTo>
                    <a:pt x="0" y="320639"/>
                  </a:lnTo>
                  <a:lnTo>
                    <a:pt x="273847" y="320639"/>
                  </a:lnTo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9" name="Freeform: Shape 18">
              <a:extLst>
                <a:ext uri="{FF2B5EF4-FFF2-40B4-BE49-F238E27FC236}">
                  <a16:creationId xmlns:a16="http://schemas.microsoft.com/office/drawing/2014/main" id="{FD70DACE-AA3F-580D-0A27-BA2D8E761CBC}"/>
                </a:ext>
              </a:extLst>
            </p:cNvPr>
            <p:cNvSpPr/>
            <p:nvPr/>
          </p:nvSpPr>
          <p:spPr>
            <a:xfrm>
              <a:off x="4597741" y="4036801"/>
              <a:ext cx="241629" cy="7670"/>
            </a:xfrm>
            <a:custGeom>
              <a:avLst/>
              <a:gdLst>
                <a:gd name="connsiteX0" fmla="*/ 241630 w 241629"/>
                <a:gd name="connsiteY0" fmla="*/ 0 h 7670"/>
                <a:gd name="connsiteX1" fmla="*/ 0 w 241629"/>
                <a:gd name="connsiteY1" fmla="*/ 0 h 7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241629" h="7670">
                  <a:moveTo>
                    <a:pt x="241630" y="0"/>
                  </a:moveTo>
                  <a:lnTo>
                    <a:pt x="0" y="0"/>
                  </a:lnTo>
                </a:path>
              </a:pathLst>
            </a:custGeom>
            <a:ln w="25400" cap="rnd">
              <a:solidFill>
                <a:schemeClr val="bg1"/>
              </a:solidFill>
              <a:prstDash val="lgDash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0" name="Freeform: Shape 19">
              <a:extLst>
                <a:ext uri="{FF2B5EF4-FFF2-40B4-BE49-F238E27FC236}">
                  <a16:creationId xmlns:a16="http://schemas.microsoft.com/office/drawing/2014/main" id="{D1D06B43-58F9-EBCF-1702-B4712C5C6894}"/>
                </a:ext>
              </a:extLst>
            </p:cNvPr>
            <p:cNvSpPr/>
            <p:nvPr/>
          </p:nvSpPr>
          <p:spPr>
            <a:xfrm>
              <a:off x="4873122" y="4020692"/>
              <a:ext cx="130403" cy="130403"/>
            </a:xfrm>
            <a:custGeom>
              <a:avLst/>
              <a:gdLst>
                <a:gd name="connsiteX0" fmla="*/ 130403 w 130403"/>
                <a:gd name="connsiteY0" fmla="*/ 65202 h 130403"/>
                <a:gd name="connsiteX1" fmla="*/ 65202 w 130403"/>
                <a:gd name="connsiteY1" fmla="*/ 130403 h 130403"/>
                <a:gd name="connsiteX2" fmla="*/ 0 w 130403"/>
                <a:gd name="connsiteY2" fmla="*/ 65202 h 130403"/>
                <a:gd name="connsiteX3" fmla="*/ 65202 w 130403"/>
                <a:gd name="connsiteY3" fmla="*/ 0 h 130403"/>
                <a:gd name="connsiteX4" fmla="*/ 130403 w 130403"/>
                <a:gd name="connsiteY4" fmla="*/ 65202 h 13040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30403" h="130403">
                  <a:moveTo>
                    <a:pt x="130403" y="65202"/>
                  </a:moveTo>
                  <a:cubicBezTo>
                    <a:pt x="130403" y="101212"/>
                    <a:pt x="101212" y="130403"/>
                    <a:pt x="65202" y="130403"/>
                  </a:cubicBezTo>
                  <a:cubicBezTo>
                    <a:pt x="29192" y="130403"/>
                    <a:pt x="0" y="101212"/>
                    <a:pt x="0" y="65202"/>
                  </a:cubicBezTo>
                  <a:cubicBezTo>
                    <a:pt x="0" y="29192"/>
                    <a:pt x="29192" y="0"/>
                    <a:pt x="65202" y="0"/>
                  </a:cubicBezTo>
                  <a:cubicBezTo>
                    <a:pt x="101212" y="0"/>
                    <a:pt x="130403" y="29192"/>
                    <a:pt x="130403" y="65202"/>
                  </a:cubicBezTo>
                  <a:close/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1" name="Freeform: Shape 20">
              <a:extLst>
                <a:ext uri="{FF2B5EF4-FFF2-40B4-BE49-F238E27FC236}">
                  <a16:creationId xmlns:a16="http://schemas.microsoft.com/office/drawing/2014/main" id="{884F3FD0-85FF-4C67-C16F-5BA825A781FB}"/>
                </a:ext>
              </a:extLst>
            </p:cNvPr>
            <p:cNvSpPr/>
            <p:nvPr/>
          </p:nvSpPr>
          <p:spPr>
            <a:xfrm>
              <a:off x="4321592" y="3829690"/>
              <a:ext cx="223219" cy="261573"/>
            </a:xfrm>
            <a:custGeom>
              <a:avLst/>
              <a:gdLst>
                <a:gd name="connsiteX0" fmla="*/ 46792 w 223219"/>
                <a:gd name="connsiteY0" fmla="*/ 261574 h 261573"/>
                <a:gd name="connsiteX1" fmla="*/ 0 w 223219"/>
                <a:gd name="connsiteY1" fmla="*/ 261574 h 261573"/>
                <a:gd name="connsiteX2" fmla="*/ 0 w 223219"/>
                <a:gd name="connsiteY2" fmla="*/ 122733 h 261573"/>
                <a:gd name="connsiteX3" fmla="*/ 34519 w 223219"/>
                <a:gd name="connsiteY3" fmla="*/ 0 h 261573"/>
                <a:gd name="connsiteX4" fmla="*/ 34519 w 223219"/>
                <a:gd name="connsiteY4" fmla="*/ 0 h 261573"/>
                <a:gd name="connsiteX5" fmla="*/ 223220 w 223219"/>
                <a:gd name="connsiteY5" fmla="*/ 0 h 2615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23219" h="261573">
                  <a:moveTo>
                    <a:pt x="46792" y="261574"/>
                  </a:moveTo>
                  <a:lnTo>
                    <a:pt x="0" y="261574"/>
                  </a:lnTo>
                  <a:lnTo>
                    <a:pt x="0" y="122733"/>
                  </a:lnTo>
                  <a:lnTo>
                    <a:pt x="34519" y="0"/>
                  </a:lnTo>
                  <a:lnTo>
                    <a:pt x="34519" y="0"/>
                  </a:lnTo>
                  <a:lnTo>
                    <a:pt x="223220" y="0"/>
                  </a:lnTo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2" name="Freeform: Shape 21">
              <a:extLst>
                <a:ext uri="{FF2B5EF4-FFF2-40B4-BE49-F238E27FC236}">
                  <a16:creationId xmlns:a16="http://schemas.microsoft.com/office/drawing/2014/main" id="{1035BF99-C0AF-6324-8774-EF2CCAE32CE3}"/>
                </a:ext>
              </a:extLst>
            </p:cNvPr>
            <p:cNvSpPr/>
            <p:nvPr/>
          </p:nvSpPr>
          <p:spPr>
            <a:xfrm>
              <a:off x="4321592" y="3829690"/>
              <a:ext cx="111993" cy="124266"/>
            </a:xfrm>
            <a:custGeom>
              <a:avLst/>
              <a:gdLst>
                <a:gd name="connsiteX0" fmla="*/ 0 w 111993"/>
                <a:gd name="connsiteY0" fmla="*/ 124267 h 124266"/>
                <a:gd name="connsiteX1" fmla="*/ 111993 w 111993"/>
                <a:gd name="connsiteY1" fmla="*/ 124267 h 124266"/>
                <a:gd name="connsiteX2" fmla="*/ 111993 w 111993"/>
                <a:gd name="connsiteY2" fmla="*/ 0 h 1242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11993" h="124266">
                  <a:moveTo>
                    <a:pt x="0" y="124267"/>
                  </a:moveTo>
                  <a:lnTo>
                    <a:pt x="111993" y="124267"/>
                  </a:lnTo>
                  <a:lnTo>
                    <a:pt x="111993" y="0"/>
                  </a:lnTo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3" name="Freeform: Shape 22">
              <a:extLst>
                <a:ext uri="{FF2B5EF4-FFF2-40B4-BE49-F238E27FC236}">
                  <a16:creationId xmlns:a16="http://schemas.microsoft.com/office/drawing/2014/main" id="{232D5540-343E-8983-42FA-16B807EDCEA1}"/>
                </a:ext>
              </a:extLst>
            </p:cNvPr>
            <p:cNvSpPr/>
            <p:nvPr/>
          </p:nvSpPr>
          <p:spPr>
            <a:xfrm>
              <a:off x="4368384" y="4020692"/>
              <a:ext cx="130403" cy="130403"/>
            </a:xfrm>
            <a:custGeom>
              <a:avLst/>
              <a:gdLst>
                <a:gd name="connsiteX0" fmla="*/ 130403 w 130403"/>
                <a:gd name="connsiteY0" fmla="*/ 65202 h 130403"/>
                <a:gd name="connsiteX1" fmla="*/ 65202 w 130403"/>
                <a:gd name="connsiteY1" fmla="*/ 130403 h 130403"/>
                <a:gd name="connsiteX2" fmla="*/ 0 w 130403"/>
                <a:gd name="connsiteY2" fmla="*/ 65202 h 130403"/>
                <a:gd name="connsiteX3" fmla="*/ 65202 w 130403"/>
                <a:gd name="connsiteY3" fmla="*/ 0 h 130403"/>
                <a:gd name="connsiteX4" fmla="*/ 130403 w 130403"/>
                <a:gd name="connsiteY4" fmla="*/ 65202 h 13040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30403" h="130403">
                  <a:moveTo>
                    <a:pt x="130403" y="65202"/>
                  </a:moveTo>
                  <a:cubicBezTo>
                    <a:pt x="130403" y="101212"/>
                    <a:pt x="101212" y="130403"/>
                    <a:pt x="65202" y="130403"/>
                  </a:cubicBezTo>
                  <a:cubicBezTo>
                    <a:pt x="29192" y="130403"/>
                    <a:pt x="0" y="101212"/>
                    <a:pt x="0" y="65202"/>
                  </a:cubicBezTo>
                  <a:cubicBezTo>
                    <a:pt x="0" y="29192"/>
                    <a:pt x="29192" y="0"/>
                    <a:pt x="65202" y="0"/>
                  </a:cubicBezTo>
                  <a:cubicBezTo>
                    <a:pt x="101212" y="0"/>
                    <a:pt x="130403" y="29192"/>
                    <a:pt x="130403" y="65202"/>
                  </a:cubicBezTo>
                  <a:close/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4" name="Freeform: Shape 23">
              <a:extLst>
                <a:ext uri="{FF2B5EF4-FFF2-40B4-BE49-F238E27FC236}">
                  <a16:creationId xmlns:a16="http://schemas.microsoft.com/office/drawing/2014/main" id="{FDA87926-684D-8592-463A-630DEA7F927F}"/>
                </a:ext>
              </a:extLst>
            </p:cNvPr>
            <p:cNvSpPr/>
            <p:nvPr/>
          </p:nvSpPr>
          <p:spPr>
            <a:xfrm>
              <a:off x="4498788" y="4091263"/>
              <a:ext cx="46024" cy="7670"/>
            </a:xfrm>
            <a:custGeom>
              <a:avLst/>
              <a:gdLst>
                <a:gd name="connsiteX0" fmla="*/ 0 w 46024"/>
                <a:gd name="connsiteY0" fmla="*/ 0 h 7670"/>
                <a:gd name="connsiteX1" fmla="*/ 46025 w 46024"/>
                <a:gd name="connsiteY1" fmla="*/ 0 h 7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46024" h="7670">
                  <a:moveTo>
                    <a:pt x="0" y="0"/>
                  </a:moveTo>
                  <a:lnTo>
                    <a:pt x="46025" y="0"/>
                  </a:lnTo>
                </a:path>
              </a:pathLst>
            </a:custGeom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grpSp>
        <p:nvGrpSpPr>
          <p:cNvPr id="25" name="Group 24">
            <a:extLst>
              <a:ext uri="{FF2B5EF4-FFF2-40B4-BE49-F238E27FC236}">
                <a16:creationId xmlns:a16="http://schemas.microsoft.com/office/drawing/2014/main" id="{D358F8E6-9E05-5EDE-22D3-5B3DAB4430C2}"/>
              </a:ext>
            </a:extLst>
          </p:cNvPr>
          <p:cNvGrpSpPr/>
          <p:nvPr/>
        </p:nvGrpSpPr>
        <p:grpSpPr>
          <a:xfrm>
            <a:off x="5263841" y="4675042"/>
            <a:ext cx="1401524" cy="745219"/>
            <a:chOff x="5173314" y="4874188"/>
            <a:chExt cx="1534548" cy="815951"/>
          </a:xfrm>
        </p:grpSpPr>
        <p:sp>
          <p:nvSpPr>
            <p:cNvPr id="26" name="Rectangle 220">
              <a:extLst>
                <a:ext uri="{FF2B5EF4-FFF2-40B4-BE49-F238E27FC236}">
                  <a16:creationId xmlns:a16="http://schemas.microsoft.com/office/drawing/2014/main" id="{2FEE11E1-EEAA-AD8D-C445-DDE7252554AA}"/>
                </a:ext>
              </a:extLst>
            </p:cNvPr>
            <p:cNvSpPr/>
            <p:nvPr/>
          </p:nvSpPr>
          <p:spPr>
            <a:xfrm>
              <a:off x="5173314" y="4874188"/>
              <a:ext cx="1534548" cy="815951"/>
            </a:xfrm>
            <a:prstGeom prst="rect">
              <a:avLst/>
            </a:prstGeom>
          </p:spPr>
          <p:txBody>
            <a:bodyPr wrap="square" lIns="36000" tIns="36000" rIns="36000" bIns="36000" anchor="t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8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/>
                  <a:ea typeface="+mn-ea"/>
                  <a:cs typeface="Segoe UI" panose="020B0502040204020203" pitchFamily="34" charset="0"/>
                </a:rPr>
                <a:t>Solutions</a:t>
              </a:r>
              <a:endParaRPr kumimoji="0" lang="en-GB" sz="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Segoe UI" panose="020B0502040204020203" pitchFamily="34" charset="0"/>
              </a:endParaRP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/>
                  <a:ea typeface="+mn-ea"/>
                  <a:cs typeface="Segoe UI" panose="020B0502040204020203" pitchFamily="34" charset="0"/>
                </a:rPr>
                <a:t>Contract logistics services worldwide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22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Segoe UI" panose="020B0502040204020203" pitchFamily="34" charset="0"/>
              </a:endParaRPr>
            </a:p>
          </p:txBody>
        </p:sp>
      </p:grpSp>
      <p:grpSp>
        <p:nvGrpSpPr>
          <p:cNvPr id="27" name="Group 26">
            <a:extLst>
              <a:ext uri="{FF2B5EF4-FFF2-40B4-BE49-F238E27FC236}">
                <a16:creationId xmlns:a16="http://schemas.microsoft.com/office/drawing/2014/main" id="{405A4EE5-E5F6-0403-BB4B-C37A433418AE}"/>
              </a:ext>
            </a:extLst>
          </p:cNvPr>
          <p:cNvGrpSpPr/>
          <p:nvPr/>
        </p:nvGrpSpPr>
        <p:grpSpPr>
          <a:xfrm>
            <a:off x="4305069" y="4781800"/>
            <a:ext cx="677602" cy="522911"/>
            <a:chOff x="4316617" y="4986502"/>
            <a:chExt cx="741915" cy="572542"/>
          </a:xfrm>
        </p:grpSpPr>
        <p:sp>
          <p:nvSpPr>
            <p:cNvPr id="28" name="Freeform: Shape 27">
              <a:extLst>
                <a:ext uri="{FF2B5EF4-FFF2-40B4-BE49-F238E27FC236}">
                  <a16:creationId xmlns:a16="http://schemas.microsoft.com/office/drawing/2014/main" id="{A82D4CAE-7FB6-31CB-940E-14C79083F084}"/>
                </a:ext>
              </a:extLst>
            </p:cNvPr>
            <p:cNvSpPr/>
            <p:nvPr/>
          </p:nvSpPr>
          <p:spPr>
            <a:xfrm>
              <a:off x="4486982" y="5467973"/>
              <a:ext cx="116979" cy="91071"/>
            </a:xfrm>
            <a:custGeom>
              <a:avLst/>
              <a:gdLst>
                <a:gd name="connsiteX0" fmla="*/ 0 w 116979"/>
                <a:gd name="connsiteY0" fmla="*/ 0 h 91071"/>
                <a:gd name="connsiteX1" fmla="*/ 116979 w 116979"/>
                <a:gd name="connsiteY1" fmla="*/ 0 h 91071"/>
                <a:gd name="connsiteX2" fmla="*/ 116979 w 116979"/>
                <a:gd name="connsiteY2" fmla="*/ 91071 h 91071"/>
                <a:gd name="connsiteX3" fmla="*/ 0 w 116979"/>
                <a:gd name="connsiteY3" fmla="*/ 91071 h 910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6979" h="91071">
                  <a:moveTo>
                    <a:pt x="0" y="0"/>
                  </a:moveTo>
                  <a:lnTo>
                    <a:pt x="116979" y="0"/>
                  </a:lnTo>
                  <a:lnTo>
                    <a:pt x="116979" y="91071"/>
                  </a:lnTo>
                  <a:lnTo>
                    <a:pt x="0" y="91071"/>
                  </a:lnTo>
                  <a:close/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9" name="Freeform: Shape 28">
              <a:extLst>
                <a:ext uri="{FF2B5EF4-FFF2-40B4-BE49-F238E27FC236}">
                  <a16:creationId xmlns:a16="http://schemas.microsoft.com/office/drawing/2014/main" id="{68BF6EE8-202E-A1A7-8B07-97BB7A8109EB}"/>
                </a:ext>
              </a:extLst>
            </p:cNvPr>
            <p:cNvSpPr/>
            <p:nvPr/>
          </p:nvSpPr>
          <p:spPr>
            <a:xfrm>
              <a:off x="4486982" y="5377687"/>
              <a:ext cx="116979" cy="91071"/>
            </a:xfrm>
            <a:custGeom>
              <a:avLst/>
              <a:gdLst>
                <a:gd name="connsiteX0" fmla="*/ 0 w 116979"/>
                <a:gd name="connsiteY0" fmla="*/ 0 h 91071"/>
                <a:gd name="connsiteX1" fmla="*/ 116979 w 116979"/>
                <a:gd name="connsiteY1" fmla="*/ 0 h 91071"/>
                <a:gd name="connsiteX2" fmla="*/ 116979 w 116979"/>
                <a:gd name="connsiteY2" fmla="*/ 91071 h 91071"/>
                <a:gd name="connsiteX3" fmla="*/ 0 w 116979"/>
                <a:gd name="connsiteY3" fmla="*/ 91071 h 910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6979" h="91071">
                  <a:moveTo>
                    <a:pt x="0" y="0"/>
                  </a:moveTo>
                  <a:lnTo>
                    <a:pt x="116979" y="0"/>
                  </a:lnTo>
                  <a:lnTo>
                    <a:pt x="116979" y="91071"/>
                  </a:lnTo>
                  <a:lnTo>
                    <a:pt x="0" y="91071"/>
                  </a:lnTo>
                  <a:close/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" name="Freeform: Shape 29">
              <a:extLst>
                <a:ext uri="{FF2B5EF4-FFF2-40B4-BE49-F238E27FC236}">
                  <a16:creationId xmlns:a16="http://schemas.microsoft.com/office/drawing/2014/main" id="{3C002FAF-4795-591E-AEC6-F74B6743C716}"/>
                </a:ext>
              </a:extLst>
            </p:cNvPr>
            <p:cNvSpPr/>
            <p:nvPr/>
          </p:nvSpPr>
          <p:spPr>
            <a:xfrm>
              <a:off x="4637721" y="5467973"/>
              <a:ext cx="116979" cy="91071"/>
            </a:xfrm>
            <a:custGeom>
              <a:avLst/>
              <a:gdLst>
                <a:gd name="connsiteX0" fmla="*/ 0 w 116979"/>
                <a:gd name="connsiteY0" fmla="*/ 0 h 91071"/>
                <a:gd name="connsiteX1" fmla="*/ 116979 w 116979"/>
                <a:gd name="connsiteY1" fmla="*/ 0 h 91071"/>
                <a:gd name="connsiteX2" fmla="*/ 116979 w 116979"/>
                <a:gd name="connsiteY2" fmla="*/ 91071 h 91071"/>
                <a:gd name="connsiteX3" fmla="*/ 0 w 116979"/>
                <a:gd name="connsiteY3" fmla="*/ 91071 h 910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6979" h="91071">
                  <a:moveTo>
                    <a:pt x="0" y="0"/>
                  </a:moveTo>
                  <a:lnTo>
                    <a:pt x="116979" y="0"/>
                  </a:lnTo>
                  <a:lnTo>
                    <a:pt x="116979" y="91071"/>
                  </a:lnTo>
                  <a:lnTo>
                    <a:pt x="0" y="91071"/>
                  </a:lnTo>
                  <a:close/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" name="Freeform: Shape 30">
              <a:extLst>
                <a:ext uri="{FF2B5EF4-FFF2-40B4-BE49-F238E27FC236}">
                  <a16:creationId xmlns:a16="http://schemas.microsoft.com/office/drawing/2014/main" id="{76B15A63-9CFB-E99B-E0C8-57F5D0571ADD}"/>
                </a:ext>
              </a:extLst>
            </p:cNvPr>
            <p:cNvSpPr/>
            <p:nvPr/>
          </p:nvSpPr>
          <p:spPr>
            <a:xfrm>
              <a:off x="4326038" y="4986502"/>
              <a:ext cx="732494" cy="105987"/>
            </a:xfrm>
            <a:custGeom>
              <a:avLst/>
              <a:gdLst>
                <a:gd name="connsiteX0" fmla="*/ 732494 w 732494"/>
                <a:gd name="connsiteY0" fmla="*/ 105988 h 105987"/>
                <a:gd name="connsiteX1" fmla="*/ 365855 w 732494"/>
                <a:gd name="connsiteY1" fmla="*/ 0 h 105987"/>
                <a:gd name="connsiteX2" fmla="*/ 0 w 732494"/>
                <a:gd name="connsiteY2" fmla="*/ 105988 h 1059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732494" h="105987">
                  <a:moveTo>
                    <a:pt x="732494" y="105988"/>
                  </a:moveTo>
                  <a:lnTo>
                    <a:pt x="365855" y="0"/>
                  </a:lnTo>
                  <a:lnTo>
                    <a:pt x="0" y="105988"/>
                  </a:lnTo>
                  <a:close/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" name="Freeform: Shape 31">
              <a:extLst>
                <a:ext uri="{FF2B5EF4-FFF2-40B4-BE49-F238E27FC236}">
                  <a16:creationId xmlns:a16="http://schemas.microsoft.com/office/drawing/2014/main" id="{596B86D6-D949-9487-F497-D76A84FA1E69}"/>
                </a:ext>
              </a:extLst>
            </p:cNvPr>
            <p:cNvSpPr/>
            <p:nvPr/>
          </p:nvSpPr>
          <p:spPr>
            <a:xfrm>
              <a:off x="4377854" y="5144514"/>
              <a:ext cx="628076" cy="414530"/>
            </a:xfrm>
            <a:custGeom>
              <a:avLst/>
              <a:gdLst>
                <a:gd name="connsiteX0" fmla="*/ 0 w 628076"/>
                <a:gd name="connsiteY0" fmla="*/ 0 h 414530"/>
                <a:gd name="connsiteX1" fmla="*/ 628077 w 628076"/>
                <a:gd name="connsiteY1" fmla="*/ 0 h 414530"/>
                <a:gd name="connsiteX2" fmla="*/ 628077 w 628076"/>
                <a:gd name="connsiteY2" fmla="*/ 414531 h 414530"/>
                <a:gd name="connsiteX3" fmla="*/ 0 w 628076"/>
                <a:gd name="connsiteY3" fmla="*/ 414531 h 41453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28076" h="414530">
                  <a:moveTo>
                    <a:pt x="0" y="0"/>
                  </a:moveTo>
                  <a:lnTo>
                    <a:pt x="628077" y="0"/>
                  </a:lnTo>
                  <a:lnTo>
                    <a:pt x="628077" y="414531"/>
                  </a:lnTo>
                  <a:lnTo>
                    <a:pt x="0" y="414531"/>
                  </a:lnTo>
                  <a:close/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" name="Freeform: Shape 32">
              <a:extLst>
                <a:ext uri="{FF2B5EF4-FFF2-40B4-BE49-F238E27FC236}">
                  <a16:creationId xmlns:a16="http://schemas.microsoft.com/office/drawing/2014/main" id="{06A761E4-6581-69B4-1785-A4E8FBC02458}"/>
                </a:ext>
              </a:extLst>
            </p:cNvPr>
            <p:cNvSpPr/>
            <p:nvPr/>
          </p:nvSpPr>
          <p:spPr>
            <a:xfrm>
              <a:off x="4432026" y="5310954"/>
              <a:ext cx="522088" cy="248090"/>
            </a:xfrm>
            <a:custGeom>
              <a:avLst/>
              <a:gdLst>
                <a:gd name="connsiteX0" fmla="*/ 0 w 522088"/>
                <a:gd name="connsiteY0" fmla="*/ 0 h 248090"/>
                <a:gd name="connsiteX1" fmla="*/ 522089 w 522088"/>
                <a:gd name="connsiteY1" fmla="*/ 0 h 248090"/>
                <a:gd name="connsiteX2" fmla="*/ 522089 w 522088"/>
                <a:gd name="connsiteY2" fmla="*/ 248090 h 248090"/>
                <a:gd name="connsiteX3" fmla="*/ 0 w 522088"/>
                <a:gd name="connsiteY3" fmla="*/ 248090 h 24809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22088" h="248090">
                  <a:moveTo>
                    <a:pt x="0" y="0"/>
                  </a:moveTo>
                  <a:lnTo>
                    <a:pt x="522089" y="0"/>
                  </a:lnTo>
                  <a:lnTo>
                    <a:pt x="522089" y="248090"/>
                  </a:lnTo>
                  <a:lnTo>
                    <a:pt x="0" y="248090"/>
                  </a:lnTo>
                  <a:close/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4" name="Freeform: Shape 33">
              <a:extLst>
                <a:ext uri="{FF2B5EF4-FFF2-40B4-BE49-F238E27FC236}">
                  <a16:creationId xmlns:a16="http://schemas.microsoft.com/office/drawing/2014/main" id="{DF1498CA-4848-39CC-C353-CD2BAB3AA8DA}"/>
                </a:ext>
              </a:extLst>
            </p:cNvPr>
            <p:cNvSpPr/>
            <p:nvPr/>
          </p:nvSpPr>
          <p:spPr>
            <a:xfrm>
              <a:off x="4316617" y="4996131"/>
              <a:ext cx="7850" cy="7850"/>
            </a:xfrm>
            <a:custGeom>
              <a:avLst/>
              <a:gdLst/>
              <a:ahLst/>
              <a:cxnLst/>
              <a:rect l="l" t="t" r="r" b="b"/>
              <a:pathLst>
                <a:path w="7850" h="7850"/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5" name="Graphic 89">
              <a:extLst>
                <a:ext uri="{FF2B5EF4-FFF2-40B4-BE49-F238E27FC236}">
                  <a16:creationId xmlns:a16="http://schemas.microsoft.com/office/drawing/2014/main" id="{C5612DE2-F6C3-B9C1-E0F5-6BB9362B332B}"/>
                </a:ext>
              </a:extLst>
            </p:cNvPr>
            <p:cNvSpPr/>
            <p:nvPr/>
          </p:nvSpPr>
          <p:spPr>
            <a:xfrm>
              <a:off x="4606132" y="5203304"/>
              <a:ext cx="176527" cy="52549"/>
            </a:xfrm>
            <a:custGeom>
              <a:avLst/>
              <a:gdLst>
                <a:gd name="connsiteX0" fmla="*/ 153872 w 176527"/>
                <a:gd name="connsiteY0" fmla="*/ 49088 h 52549"/>
                <a:gd name="connsiteX1" fmla="*/ 148522 w 176527"/>
                <a:gd name="connsiteY1" fmla="*/ 52234 h 52549"/>
                <a:gd name="connsiteX2" fmla="*/ 136565 w 176527"/>
                <a:gd name="connsiteY2" fmla="*/ 52234 h 52549"/>
                <a:gd name="connsiteX3" fmla="*/ 131530 w 176527"/>
                <a:gd name="connsiteY3" fmla="*/ 49088 h 52549"/>
                <a:gd name="connsiteX4" fmla="*/ 114853 w 176527"/>
                <a:gd name="connsiteY4" fmla="*/ 15733 h 52549"/>
                <a:gd name="connsiteX5" fmla="*/ 106986 w 176527"/>
                <a:gd name="connsiteY5" fmla="*/ 11643 h 52549"/>
                <a:gd name="connsiteX6" fmla="*/ 77093 w 176527"/>
                <a:gd name="connsiteY6" fmla="*/ 11643 h 52549"/>
                <a:gd name="connsiteX7" fmla="*/ 72688 w 176527"/>
                <a:gd name="connsiteY7" fmla="*/ 16048 h 52549"/>
                <a:gd name="connsiteX8" fmla="*/ 77093 w 176527"/>
                <a:gd name="connsiteY8" fmla="*/ 20453 h 52549"/>
                <a:gd name="connsiteX9" fmla="*/ 97546 w 176527"/>
                <a:gd name="connsiteY9" fmla="*/ 20453 h 52549"/>
                <a:gd name="connsiteX10" fmla="*/ 113594 w 176527"/>
                <a:gd name="connsiteY10" fmla="*/ 36501 h 52549"/>
                <a:gd name="connsiteX11" fmla="*/ 97546 w 176527"/>
                <a:gd name="connsiteY11" fmla="*/ 52549 h 52549"/>
                <a:gd name="connsiteX12" fmla="*/ 71115 w 176527"/>
                <a:gd name="connsiteY12" fmla="*/ 52549 h 52549"/>
                <a:gd name="connsiteX13" fmla="*/ 66709 w 176527"/>
                <a:gd name="connsiteY13" fmla="*/ 48144 h 52549"/>
                <a:gd name="connsiteX14" fmla="*/ 66709 w 176527"/>
                <a:gd name="connsiteY14" fmla="*/ 42480 h 52549"/>
                <a:gd name="connsiteX15" fmla="*/ 68283 w 176527"/>
                <a:gd name="connsiteY15" fmla="*/ 40906 h 52549"/>
                <a:gd name="connsiteX16" fmla="*/ 91568 w 176527"/>
                <a:gd name="connsiteY16" fmla="*/ 40906 h 52549"/>
                <a:gd name="connsiteX17" fmla="*/ 95973 w 176527"/>
                <a:gd name="connsiteY17" fmla="*/ 36501 h 52549"/>
                <a:gd name="connsiteX18" fmla="*/ 91568 w 176527"/>
                <a:gd name="connsiteY18" fmla="*/ 32096 h 52549"/>
                <a:gd name="connsiteX19" fmla="*/ 69541 w 176527"/>
                <a:gd name="connsiteY19" fmla="*/ 32096 h 52549"/>
                <a:gd name="connsiteX20" fmla="*/ 60101 w 176527"/>
                <a:gd name="connsiteY20" fmla="*/ 29578 h 52549"/>
                <a:gd name="connsiteX21" fmla="*/ 33984 w 176527"/>
                <a:gd name="connsiteY21" fmla="*/ 52549 h 52549"/>
                <a:gd name="connsiteX22" fmla="*/ 1573 w 176527"/>
                <a:gd name="connsiteY22" fmla="*/ 52549 h 52549"/>
                <a:gd name="connsiteX23" fmla="*/ 0 w 176527"/>
                <a:gd name="connsiteY23" fmla="*/ 50976 h 52549"/>
                <a:gd name="connsiteX24" fmla="*/ 0 w 176527"/>
                <a:gd name="connsiteY24" fmla="*/ 21712 h 52549"/>
                <a:gd name="connsiteX25" fmla="*/ 1573 w 176527"/>
                <a:gd name="connsiteY25" fmla="*/ 20139 h 52549"/>
                <a:gd name="connsiteX26" fmla="*/ 13216 w 176527"/>
                <a:gd name="connsiteY26" fmla="*/ 20139 h 52549"/>
                <a:gd name="connsiteX27" fmla="*/ 17621 w 176527"/>
                <a:gd name="connsiteY27" fmla="*/ 24544 h 52549"/>
                <a:gd name="connsiteX28" fmla="*/ 17621 w 176527"/>
                <a:gd name="connsiteY28" fmla="*/ 39018 h 52549"/>
                <a:gd name="connsiteX29" fmla="*/ 17621 w 176527"/>
                <a:gd name="connsiteY29" fmla="*/ 39018 h 52549"/>
                <a:gd name="connsiteX30" fmla="*/ 19195 w 176527"/>
                <a:gd name="connsiteY30" fmla="*/ 40592 h 52549"/>
                <a:gd name="connsiteX31" fmla="*/ 29264 w 176527"/>
                <a:gd name="connsiteY31" fmla="*/ 40592 h 52549"/>
                <a:gd name="connsiteX32" fmla="*/ 43739 w 176527"/>
                <a:gd name="connsiteY32" fmla="*/ 26117 h 52549"/>
                <a:gd name="connsiteX33" fmla="*/ 29264 w 176527"/>
                <a:gd name="connsiteY33" fmla="*/ 11643 h 52549"/>
                <a:gd name="connsiteX34" fmla="*/ 1573 w 176527"/>
                <a:gd name="connsiteY34" fmla="*/ 11643 h 52549"/>
                <a:gd name="connsiteX35" fmla="*/ 0 w 176527"/>
                <a:gd name="connsiteY35" fmla="*/ 10069 h 52549"/>
                <a:gd name="connsiteX36" fmla="*/ 0 w 176527"/>
                <a:gd name="connsiteY36" fmla="*/ 4405 h 52549"/>
                <a:gd name="connsiteX37" fmla="*/ 4405 w 176527"/>
                <a:gd name="connsiteY37" fmla="*/ 0 h 52549"/>
                <a:gd name="connsiteX38" fmla="*/ 34613 w 176527"/>
                <a:gd name="connsiteY38" fmla="*/ 0 h 52549"/>
                <a:gd name="connsiteX39" fmla="*/ 55381 w 176527"/>
                <a:gd name="connsiteY39" fmla="*/ 8811 h 52549"/>
                <a:gd name="connsiteX40" fmla="*/ 70171 w 176527"/>
                <a:gd name="connsiteY40" fmla="*/ 0 h 52549"/>
                <a:gd name="connsiteX41" fmla="*/ 113280 w 176527"/>
                <a:gd name="connsiteY41" fmla="*/ 0 h 52549"/>
                <a:gd name="connsiteX42" fmla="*/ 127754 w 176527"/>
                <a:gd name="connsiteY42" fmla="*/ 7867 h 52549"/>
                <a:gd name="connsiteX43" fmla="*/ 141600 w 176527"/>
                <a:gd name="connsiteY43" fmla="*/ 37130 h 52549"/>
                <a:gd name="connsiteX44" fmla="*/ 142229 w 176527"/>
                <a:gd name="connsiteY44" fmla="*/ 37445 h 52549"/>
                <a:gd name="connsiteX45" fmla="*/ 142858 w 176527"/>
                <a:gd name="connsiteY45" fmla="*/ 37130 h 52549"/>
                <a:gd name="connsiteX46" fmla="*/ 160165 w 176527"/>
                <a:gd name="connsiteY46" fmla="*/ 629 h 52549"/>
                <a:gd name="connsiteX47" fmla="*/ 161738 w 176527"/>
                <a:gd name="connsiteY47" fmla="*/ 0 h 52549"/>
                <a:gd name="connsiteX48" fmla="*/ 174954 w 176527"/>
                <a:gd name="connsiteY48" fmla="*/ 0 h 52549"/>
                <a:gd name="connsiteX49" fmla="*/ 176528 w 176527"/>
                <a:gd name="connsiteY49" fmla="*/ 1573 h 52549"/>
                <a:gd name="connsiteX50" fmla="*/ 176528 w 176527"/>
                <a:gd name="connsiteY50" fmla="*/ 2203 h 52549"/>
                <a:gd name="connsiteX51" fmla="*/ 153872 w 176527"/>
                <a:gd name="connsiteY51" fmla="*/ 49088 h 5254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</a:cxnLst>
              <a:rect l="l" t="t" r="r" b="b"/>
              <a:pathLst>
                <a:path w="176527" h="52549">
                  <a:moveTo>
                    <a:pt x="153872" y="49088"/>
                  </a:moveTo>
                  <a:cubicBezTo>
                    <a:pt x="153242" y="50346"/>
                    <a:pt x="151669" y="52234"/>
                    <a:pt x="148522" y="52234"/>
                  </a:cubicBezTo>
                  <a:lnTo>
                    <a:pt x="136565" y="52234"/>
                  </a:lnTo>
                  <a:cubicBezTo>
                    <a:pt x="133733" y="52234"/>
                    <a:pt x="131845" y="50346"/>
                    <a:pt x="131530" y="49088"/>
                  </a:cubicBezTo>
                  <a:lnTo>
                    <a:pt x="114853" y="15733"/>
                  </a:lnTo>
                  <a:cubicBezTo>
                    <a:pt x="113280" y="12587"/>
                    <a:pt x="109818" y="11643"/>
                    <a:pt x="106986" y="11643"/>
                  </a:cubicBezTo>
                  <a:lnTo>
                    <a:pt x="77093" y="11643"/>
                  </a:lnTo>
                  <a:cubicBezTo>
                    <a:pt x="74261" y="11643"/>
                    <a:pt x="72688" y="13531"/>
                    <a:pt x="72688" y="16048"/>
                  </a:cubicBezTo>
                  <a:cubicBezTo>
                    <a:pt x="72688" y="18880"/>
                    <a:pt x="74576" y="20453"/>
                    <a:pt x="77093" y="20453"/>
                  </a:cubicBezTo>
                  <a:lnTo>
                    <a:pt x="97546" y="20453"/>
                  </a:lnTo>
                  <a:cubicBezTo>
                    <a:pt x="106357" y="20453"/>
                    <a:pt x="113594" y="25803"/>
                    <a:pt x="113594" y="36501"/>
                  </a:cubicBezTo>
                  <a:cubicBezTo>
                    <a:pt x="113594" y="47200"/>
                    <a:pt x="106357" y="52549"/>
                    <a:pt x="97546" y="52549"/>
                  </a:cubicBezTo>
                  <a:lnTo>
                    <a:pt x="71115" y="52549"/>
                  </a:lnTo>
                  <a:cubicBezTo>
                    <a:pt x="68597" y="52549"/>
                    <a:pt x="66709" y="51290"/>
                    <a:pt x="66709" y="48144"/>
                  </a:cubicBezTo>
                  <a:lnTo>
                    <a:pt x="66709" y="42480"/>
                  </a:lnTo>
                  <a:cubicBezTo>
                    <a:pt x="66709" y="41536"/>
                    <a:pt x="67339" y="40906"/>
                    <a:pt x="68283" y="40906"/>
                  </a:cubicBezTo>
                  <a:lnTo>
                    <a:pt x="91568" y="40906"/>
                  </a:lnTo>
                  <a:cubicBezTo>
                    <a:pt x="94085" y="40906"/>
                    <a:pt x="95973" y="39333"/>
                    <a:pt x="95973" y="36501"/>
                  </a:cubicBezTo>
                  <a:cubicBezTo>
                    <a:pt x="95973" y="33669"/>
                    <a:pt x="94085" y="32096"/>
                    <a:pt x="91568" y="32096"/>
                  </a:cubicBezTo>
                  <a:lnTo>
                    <a:pt x="69541" y="32096"/>
                  </a:lnTo>
                  <a:cubicBezTo>
                    <a:pt x="65765" y="32096"/>
                    <a:pt x="62619" y="31152"/>
                    <a:pt x="60101" y="29578"/>
                  </a:cubicBezTo>
                  <a:cubicBezTo>
                    <a:pt x="58843" y="43738"/>
                    <a:pt x="48773" y="52549"/>
                    <a:pt x="33984" y="52549"/>
                  </a:cubicBezTo>
                  <a:lnTo>
                    <a:pt x="1573" y="52549"/>
                  </a:lnTo>
                  <a:cubicBezTo>
                    <a:pt x="629" y="52549"/>
                    <a:pt x="0" y="51920"/>
                    <a:pt x="0" y="50976"/>
                  </a:cubicBezTo>
                  <a:lnTo>
                    <a:pt x="0" y="21712"/>
                  </a:lnTo>
                  <a:cubicBezTo>
                    <a:pt x="0" y="20768"/>
                    <a:pt x="629" y="20139"/>
                    <a:pt x="1573" y="20139"/>
                  </a:cubicBezTo>
                  <a:lnTo>
                    <a:pt x="13216" y="20139"/>
                  </a:lnTo>
                  <a:cubicBezTo>
                    <a:pt x="16363" y="20139"/>
                    <a:pt x="17621" y="22027"/>
                    <a:pt x="17621" y="24544"/>
                  </a:cubicBezTo>
                  <a:lnTo>
                    <a:pt x="17621" y="39018"/>
                  </a:lnTo>
                  <a:lnTo>
                    <a:pt x="17621" y="39018"/>
                  </a:lnTo>
                  <a:cubicBezTo>
                    <a:pt x="17621" y="39962"/>
                    <a:pt x="18251" y="40592"/>
                    <a:pt x="19195" y="40592"/>
                  </a:cubicBezTo>
                  <a:cubicBezTo>
                    <a:pt x="22341" y="40592"/>
                    <a:pt x="29264" y="40592"/>
                    <a:pt x="29264" y="40592"/>
                  </a:cubicBezTo>
                  <a:cubicBezTo>
                    <a:pt x="37131" y="40592"/>
                    <a:pt x="43739" y="35872"/>
                    <a:pt x="43739" y="26117"/>
                  </a:cubicBezTo>
                  <a:cubicBezTo>
                    <a:pt x="43739" y="16363"/>
                    <a:pt x="37131" y="11643"/>
                    <a:pt x="29264" y="11643"/>
                  </a:cubicBezTo>
                  <a:lnTo>
                    <a:pt x="1573" y="11643"/>
                  </a:lnTo>
                  <a:cubicBezTo>
                    <a:pt x="629" y="11643"/>
                    <a:pt x="0" y="11013"/>
                    <a:pt x="0" y="10069"/>
                  </a:cubicBezTo>
                  <a:lnTo>
                    <a:pt x="0" y="4405"/>
                  </a:lnTo>
                  <a:cubicBezTo>
                    <a:pt x="0" y="1259"/>
                    <a:pt x="2203" y="0"/>
                    <a:pt x="4405" y="0"/>
                  </a:cubicBezTo>
                  <a:lnTo>
                    <a:pt x="34613" y="0"/>
                  </a:lnTo>
                  <a:cubicBezTo>
                    <a:pt x="43109" y="0"/>
                    <a:pt x="50661" y="3147"/>
                    <a:pt x="55381" y="8811"/>
                  </a:cubicBezTo>
                  <a:cubicBezTo>
                    <a:pt x="57584" y="3147"/>
                    <a:pt x="63248" y="0"/>
                    <a:pt x="70171" y="0"/>
                  </a:cubicBezTo>
                  <a:lnTo>
                    <a:pt x="113280" y="0"/>
                  </a:lnTo>
                  <a:cubicBezTo>
                    <a:pt x="118629" y="0"/>
                    <a:pt x="124608" y="1888"/>
                    <a:pt x="127754" y="7867"/>
                  </a:cubicBezTo>
                  <a:lnTo>
                    <a:pt x="141600" y="37130"/>
                  </a:lnTo>
                  <a:cubicBezTo>
                    <a:pt x="141600" y="37445"/>
                    <a:pt x="141914" y="37445"/>
                    <a:pt x="142229" y="37445"/>
                  </a:cubicBezTo>
                  <a:cubicBezTo>
                    <a:pt x="142544" y="37445"/>
                    <a:pt x="142858" y="37445"/>
                    <a:pt x="142858" y="37130"/>
                  </a:cubicBezTo>
                  <a:cubicBezTo>
                    <a:pt x="142858" y="37130"/>
                    <a:pt x="160165" y="944"/>
                    <a:pt x="160165" y="629"/>
                  </a:cubicBezTo>
                  <a:cubicBezTo>
                    <a:pt x="160480" y="629"/>
                    <a:pt x="160794" y="0"/>
                    <a:pt x="161738" y="0"/>
                  </a:cubicBezTo>
                  <a:lnTo>
                    <a:pt x="174954" y="0"/>
                  </a:lnTo>
                  <a:cubicBezTo>
                    <a:pt x="175898" y="0"/>
                    <a:pt x="176528" y="629"/>
                    <a:pt x="176528" y="1573"/>
                  </a:cubicBezTo>
                  <a:cubicBezTo>
                    <a:pt x="176528" y="1888"/>
                    <a:pt x="176528" y="2203"/>
                    <a:pt x="176528" y="2203"/>
                  </a:cubicBezTo>
                  <a:lnTo>
                    <a:pt x="153872" y="49088"/>
                  </a:lnTo>
                  <a:close/>
                </a:path>
              </a:pathLst>
            </a:custGeom>
            <a:solidFill>
              <a:schemeClr val="bg1"/>
            </a:solidFill>
            <a:ln w="5613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675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sp>
        <p:nvSpPr>
          <p:cNvPr id="36" name="Rectangle 220">
            <a:extLst>
              <a:ext uri="{FF2B5EF4-FFF2-40B4-BE49-F238E27FC236}">
                <a16:creationId xmlns:a16="http://schemas.microsoft.com/office/drawing/2014/main" id="{831C51CF-0DFB-19AE-1DD3-EB96F785F250}"/>
              </a:ext>
            </a:extLst>
          </p:cNvPr>
          <p:cNvSpPr/>
          <p:nvPr/>
        </p:nvSpPr>
        <p:spPr>
          <a:xfrm>
            <a:off x="2449268" y="2383399"/>
            <a:ext cx="1108387" cy="530816"/>
          </a:xfrm>
          <a:prstGeom prst="rect">
            <a:avLst/>
          </a:prstGeom>
        </p:spPr>
        <p:txBody>
          <a:bodyPr wrap="square" lIns="0" tIns="0" rIns="0" bIns="0" anchor="t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0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Segoe UI" panose="020B0502040204020203" pitchFamily="34" charset="0"/>
              </a:rPr>
              <a:t>75,000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7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Segoe UI" panose="020B0502040204020203" pitchFamily="34" charset="0"/>
              </a:rPr>
              <a:t>Employees</a:t>
            </a:r>
          </a:p>
        </p:txBody>
      </p:sp>
      <p:grpSp>
        <p:nvGrpSpPr>
          <p:cNvPr id="37" name="Graphic 157">
            <a:extLst>
              <a:ext uri="{FF2B5EF4-FFF2-40B4-BE49-F238E27FC236}">
                <a16:creationId xmlns:a16="http://schemas.microsoft.com/office/drawing/2014/main" id="{8E943E7E-C967-6EA7-718A-010EC11AE5F2}"/>
              </a:ext>
            </a:extLst>
          </p:cNvPr>
          <p:cNvGrpSpPr/>
          <p:nvPr/>
        </p:nvGrpSpPr>
        <p:grpSpPr>
          <a:xfrm>
            <a:off x="1450625" y="2463246"/>
            <a:ext cx="701604" cy="371123"/>
            <a:chOff x="1474693" y="2681065"/>
            <a:chExt cx="768196" cy="406347"/>
          </a:xfrm>
        </p:grpSpPr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E7331354-B344-26DA-1190-3C181BA0823D}"/>
                </a:ext>
              </a:extLst>
            </p:cNvPr>
            <p:cNvSpPr/>
            <p:nvPr/>
          </p:nvSpPr>
          <p:spPr>
            <a:xfrm>
              <a:off x="2037805" y="2901429"/>
              <a:ext cx="205084" cy="132208"/>
            </a:xfrm>
            <a:custGeom>
              <a:avLst/>
              <a:gdLst>
                <a:gd name="connsiteX0" fmla="*/ 0 w 205084"/>
                <a:gd name="connsiteY0" fmla="*/ 27732 h 132208"/>
                <a:gd name="connsiteX1" fmla="*/ 28376 w 205084"/>
                <a:gd name="connsiteY1" fmla="*/ 0 h 132208"/>
                <a:gd name="connsiteX2" fmla="*/ 46434 w 205084"/>
                <a:gd name="connsiteY2" fmla="*/ 12253 h 132208"/>
                <a:gd name="connsiteX3" fmla="*/ 70296 w 205084"/>
                <a:gd name="connsiteY3" fmla="*/ 27732 h 132208"/>
                <a:gd name="connsiteX4" fmla="*/ 111571 w 205084"/>
                <a:gd name="connsiteY4" fmla="*/ 0 h 132208"/>
                <a:gd name="connsiteX5" fmla="*/ 140592 w 205084"/>
                <a:gd name="connsiteY5" fmla="*/ 27732 h 132208"/>
                <a:gd name="connsiteX6" fmla="*/ 181222 w 205084"/>
                <a:gd name="connsiteY6" fmla="*/ 41275 h 132208"/>
                <a:gd name="connsiteX7" fmla="*/ 194766 w 205084"/>
                <a:gd name="connsiteY7" fmla="*/ 58043 h 132208"/>
                <a:gd name="connsiteX8" fmla="*/ 195411 w 205084"/>
                <a:gd name="connsiteY8" fmla="*/ 62557 h 132208"/>
                <a:gd name="connsiteX9" fmla="*/ 197990 w 205084"/>
                <a:gd name="connsiteY9" fmla="*/ 79970 h 132208"/>
                <a:gd name="connsiteX10" fmla="*/ 200570 w 205084"/>
                <a:gd name="connsiteY10" fmla="*/ 97383 h 132208"/>
                <a:gd name="connsiteX11" fmla="*/ 205084 w 205084"/>
                <a:gd name="connsiteY11" fmla="*/ 132208 h 132208"/>
                <a:gd name="connsiteX12" fmla="*/ 32246 w 205084"/>
                <a:gd name="connsiteY12" fmla="*/ 132208 h 1322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205084" h="132208">
                  <a:moveTo>
                    <a:pt x="0" y="27732"/>
                  </a:moveTo>
                  <a:lnTo>
                    <a:pt x="28376" y="0"/>
                  </a:lnTo>
                  <a:lnTo>
                    <a:pt x="46434" y="12253"/>
                  </a:lnTo>
                  <a:lnTo>
                    <a:pt x="70296" y="27732"/>
                  </a:lnTo>
                  <a:lnTo>
                    <a:pt x="111571" y="0"/>
                  </a:lnTo>
                  <a:lnTo>
                    <a:pt x="140592" y="27732"/>
                  </a:lnTo>
                  <a:lnTo>
                    <a:pt x="181222" y="41275"/>
                  </a:lnTo>
                  <a:cubicBezTo>
                    <a:pt x="188961" y="43854"/>
                    <a:pt x="194121" y="50304"/>
                    <a:pt x="194766" y="58043"/>
                  </a:cubicBezTo>
                  <a:lnTo>
                    <a:pt x="195411" y="62557"/>
                  </a:lnTo>
                  <a:lnTo>
                    <a:pt x="197990" y="79970"/>
                  </a:lnTo>
                  <a:lnTo>
                    <a:pt x="200570" y="97383"/>
                  </a:lnTo>
                  <a:lnTo>
                    <a:pt x="205084" y="132208"/>
                  </a:lnTo>
                  <a:lnTo>
                    <a:pt x="32246" y="132208"/>
                  </a:lnTo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9" name="Freeform: Shape 38">
              <a:extLst>
                <a:ext uri="{FF2B5EF4-FFF2-40B4-BE49-F238E27FC236}">
                  <a16:creationId xmlns:a16="http://schemas.microsoft.com/office/drawing/2014/main" id="{45081613-34B9-76BD-7258-55F31BE8E4D1}"/>
                </a:ext>
              </a:extLst>
            </p:cNvPr>
            <p:cNvSpPr/>
            <p:nvPr/>
          </p:nvSpPr>
          <p:spPr>
            <a:xfrm>
              <a:off x="1763665" y="2681065"/>
              <a:ext cx="187671" cy="203149"/>
            </a:xfrm>
            <a:custGeom>
              <a:avLst/>
              <a:gdLst>
                <a:gd name="connsiteX0" fmla="*/ 127049 w 187671"/>
                <a:gd name="connsiteY0" fmla="*/ 196055 h 203149"/>
                <a:gd name="connsiteX1" fmla="*/ 187672 w 187671"/>
                <a:gd name="connsiteY1" fmla="*/ 101252 h 203149"/>
                <a:gd name="connsiteX2" fmla="*/ 94158 w 187671"/>
                <a:gd name="connsiteY2" fmla="*/ 0 h 203149"/>
                <a:gd name="connsiteX3" fmla="*/ 0 w 187671"/>
                <a:gd name="connsiteY3" fmla="*/ 101252 h 203149"/>
                <a:gd name="connsiteX4" fmla="*/ 61267 w 187671"/>
                <a:gd name="connsiteY4" fmla="*/ 196055 h 203149"/>
                <a:gd name="connsiteX5" fmla="*/ 94158 w 187671"/>
                <a:gd name="connsiteY5" fmla="*/ 203149 h 203149"/>
                <a:gd name="connsiteX6" fmla="*/ 127049 w 187671"/>
                <a:gd name="connsiteY6" fmla="*/ 196055 h 20314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87671" h="203149">
                  <a:moveTo>
                    <a:pt x="127049" y="196055"/>
                  </a:moveTo>
                  <a:cubicBezTo>
                    <a:pt x="162520" y="181222"/>
                    <a:pt x="187672" y="144462"/>
                    <a:pt x="187672" y="101252"/>
                  </a:cubicBezTo>
                  <a:cubicBezTo>
                    <a:pt x="187672" y="45144"/>
                    <a:pt x="145752" y="0"/>
                    <a:pt x="94158" y="0"/>
                  </a:cubicBezTo>
                  <a:cubicBezTo>
                    <a:pt x="42565" y="0"/>
                    <a:pt x="0" y="45144"/>
                    <a:pt x="0" y="101252"/>
                  </a:cubicBezTo>
                  <a:cubicBezTo>
                    <a:pt x="0" y="145107"/>
                    <a:pt x="25152" y="181867"/>
                    <a:pt x="61267" y="196055"/>
                  </a:cubicBezTo>
                  <a:cubicBezTo>
                    <a:pt x="61267" y="196055"/>
                    <a:pt x="71586" y="203149"/>
                    <a:pt x="94158" y="203149"/>
                  </a:cubicBezTo>
                  <a:cubicBezTo>
                    <a:pt x="110926" y="203149"/>
                    <a:pt x="127049" y="196055"/>
                    <a:pt x="127049" y="196055"/>
                  </a:cubicBezTo>
                  <a:close/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0" name="Freeform: Shape 39">
              <a:extLst>
                <a:ext uri="{FF2B5EF4-FFF2-40B4-BE49-F238E27FC236}">
                  <a16:creationId xmlns:a16="http://schemas.microsoft.com/office/drawing/2014/main" id="{C212FBFD-EA68-852D-50E5-EACDACAF25F8}"/>
                </a:ext>
              </a:extLst>
            </p:cNvPr>
            <p:cNvSpPr/>
            <p:nvPr/>
          </p:nvSpPr>
          <p:spPr>
            <a:xfrm>
              <a:off x="2041029" y="2729138"/>
              <a:ext cx="135433" cy="147686"/>
            </a:xfrm>
            <a:custGeom>
              <a:avLst/>
              <a:gdLst>
                <a:gd name="connsiteX0" fmla="*/ 91579 w 135433"/>
                <a:gd name="connsiteY0" fmla="*/ 141882 h 147686"/>
                <a:gd name="connsiteX1" fmla="*/ 135433 w 135433"/>
                <a:gd name="connsiteY1" fmla="*/ 73521 h 147686"/>
                <a:gd name="connsiteX2" fmla="*/ 67717 w 135433"/>
                <a:gd name="connsiteY2" fmla="*/ 0 h 147686"/>
                <a:gd name="connsiteX3" fmla="*/ 0 w 135433"/>
                <a:gd name="connsiteY3" fmla="*/ 73521 h 147686"/>
                <a:gd name="connsiteX4" fmla="*/ 43854 w 135433"/>
                <a:gd name="connsiteY4" fmla="*/ 142527 h 147686"/>
                <a:gd name="connsiteX5" fmla="*/ 67717 w 135433"/>
                <a:gd name="connsiteY5" fmla="*/ 147686 h 147686"/>
                <a:gd name="connsiteX6" fmla="*/ 91579 w 135433"/>
                <a:gd name="connsiteY6" fmla="*/ 141882 h 1476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35433" h="147686">
                  <a:moveTo>
                    <a:pt x="91579" y="141882"/>
                  </a:moveTo>
                  <a:cubicBezTo>
                    <a:pt x="117375" y="131563"/>
                    <a:pt x="135433" y="104477"/>
                    <a:pt x="135433" y="73521"/>
                  </a:cubicBezTo>
                  <a:cubicBezTo>
                    <a:pt x="135433" y="32891"/>
                    <a:pt x="105122" y="0"/>
                    <a:pt x="67717" y="0"/>
                  </a:cubicBezTo>
                  <a:cubicBezTo>
                    <a:pt x="30311" y="0"/>
                    <a:pt x="0" y="32891"/>
                    <a:pt x="0" y="73521"/>
                  </a:cubicBezTo>
                  <a:cubicBezTo>
                    <a:pt x="0" y="105122"/>
                    <a:pt x="18058" y="131563"/>
                    <a:pt x="43854" y="142527"/>
                  </a:cubicBezTo>
                  <a:cubicBezTo>
                    <a:pt x="43854" y="142527"/>
                    <a:pt x="51594" y="147686"/>
                    <a:pt x="67717" y="147686"/>
                  </a:cubicBezTo>
                  <a:cubicBezTo>
                    <a:pt x="79970" y="147041"/>
                    <a:pt x="91579" y="141882"/>
                    <a:pt x="91579" y="141882"/>
                  </a:cubicBezTo>
                  <a:close/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1" name="Freeform: Shape 40">
              <a:extLst>
                <a:ext uri="{FF2B5EF4-FFF2-40B4-BE49-F238E27FC236}">
                  <a16:creationId xmlns:a16="http://schemas.microsoft.com/office/drawing/2014/main" id="{D9D3C8E3-E517-B144-C400-E4834A15DB1C}"/>
                </a:ext>
              </a:extLst>
            </p:cNvPr>
            <p:cNvSpPr/>
            <p:nvPr/>
          </p:nvSpPr>
          <p:spPr>
            <a:xfrm>
              <a:off x="1539582" y="2730030"/>
              <a:ext cx="136077" cy="147686"/>
            </a:xfrm>
            <a:custGeom>
              <a:avLst/>
              <a:gdLst>
                <a:gd name="connsiteX0" fmla="*/ 92223 w 136077"/>
                <a:gd name="connsiteY0" fmla="*/ 141882 h 147686"/>
                <a:gd name="connsiteX1" fmla="*/ 136078 w 136077"/>
                <a:gd name="connsiteY1" fmla="*/ 73521 h 147686"/>
                <a:gd name="connsiteX2" fmla="*/ 68361 w 136077"/>
                <a:gd name="connsiteY2" fmla="*/ 0 h 147686"/>
                <a:gd name="connsiteX3" fmla="*/ 0 w 136077"/>
                <a:gd name="connsiteY3" fmla="*/ 73521 h 147686"/>
                <a:gd name="connsiteX4" fmla="*/ 43855 w 136077"/>
                <a:gd name="connsiteY4" fmla="*/ 142527 h 147686"/>
                <a:gd name="connsiteX5" fmla="*/ 67717 w 136077"/>
                <a:gd name="connsiteY5" fmla="*/ 147686 h 147686"/>
                <a:gd name="connsiteX6" fmla="*/ 92223 w 136077"/>
                <a:gd name="connsiteY6" fmla="*/ 141882 h 1476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36077" h="147686">
                  <a:moveTo>
                    <a:pt x="92223" y="141882"/>
                  </a:moveTo>
                  <a:cubicBezTo>
                    <a:pt x="118020" y="131563"/>
                    <a:pt x="136078" y="104477"/>
                    <a:pt x="136078" y="73521"/>
                  </a:cubicBezTo>
                  <a:cubicBezTo>
                    <a:pt x="136078" y="32891"/>
                    <a:pt x="105767" y="0"/>
                    <a:pt x="68361" y="0"/>
                  </a:cubicBezTo>
                  <a:cubicBezTo>
                    <a:pt x="30956" y="0"/>
                    <a:pt x="0" y="32891"/>
                    <a:pt x="0" y="73521"/>
                  </a:cubicBezTo>
                  <a:cubicBezTo>
                    <a:pt x="0" y="105122"/>
                    <a:pt x="18058" y="131563"/>
                    <a:pt x="43855" y="142527"/>
                  </a:cubicBezTo>
                  <a:cubicBezTo>
                    <a:pt x="43855" y="142527"/>
                    <a:pt x="51594" y="147686"/>
                    <a:pt x="67717" y="147686"/>
                  </a:cubicBezTo>
                  <a:cubicBezTo>
                    <a:pt x="80615" y="147041"/>
                    <a:pt x="92223" y="141882"/>
                    <a:pt x="92223" y="141882"/>
                  </a:cubicBezTo>
                  <a:close/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2" name="Freeform: Shape 41">
              <a:extLst>
                <a:ext uri="{FF2B5EF4-FFF2-40B4-BE49-F238E27FC236}">
                  <a16:creationId xmlns:a16="http://schemas.microsoft.com/office/drawing/2014/main" id="{69CC75FF-6B92-0392-8A87-5C3CE36CE16B}"/>
                </a:ext>
              </a:extLst>
            </p:cNvPr>
            <p:cNvSpPr/>
            <p:nvPr/>
          </p:nvSpPr>
          <p:spPr>
            <a:xfrm>
              <a:off x="1474693" y="2901429"/>
              <a:ext cx="205084" cy="132853"/>
            </a:xfrm>
            <a:custGeom>
              <a:avLst/>
              <a:gdLst>
                <a:gd name="connsiteX0" fmla="*/ 170259 w 205084"/>
                <a:gd name="connsiteY0" fmla="*/ 132853 h 132853"/>
                <a:gd name="connsiteX1" fmla="*/ 65137 w 205084"/>
                <a:gd name="connsiteY1" fmla="*/ 132853 h 132853"/>
                <a:gd name="connsiteX2" fmla="*/ 29666 w 205084"/>
                <a:gd name="connsiteY2" fmla="*/ 132853 h 132853"/>
                <a:gd name="connsiteX3" fmla="*/ 0 w 205084"/>
                <a:gd name="connsiteY3" fmla="*/ 132853 h 132853"/>
                <a:gd name="connsiteX4" fmla="*/ 10964 w 205084"/>
                <a:gd name="connsiteY4" fmla="*/ 56108 h 132853"/>
                <a:gd name="connsiteX5" fmla="*/ 22572 w 205084"/>
                <a:gd name="connsiteY5" fmla="*/ 41920 h 132853"/>
                <a:gd name="connsiteX6" fmla="*/ 61912 w 205084"/>
                <a:gd name="connsiteY6" fmla="*/ 29021 h 132853"/>
                <a:gd name="connsiteX7" fmla="*/ 67072 w 205084"/>
                <a:gd name="connsiteY7" fmla="*/ 25797 h 132853"/>
                <a:gd name="connsiteX8" fmla="*/ 92868 w 205084"/>
                <a:gd name="connsiteY8" fmla="*/ 0 h 132853"/>
                <a:gd name="connsiteX9" fmla="*/ 110926 w 205084"/>
                <a:gd name="connsiteY9" fmla="*/ 12253 h 132853"/>
                <a:gd name="connsiteX10" fmla="*/ 134788 w 205084"/>
                <a:gd name="connsiteY10" fmla="*/ 27732 h 132853"/>
                <a:gd name="connsiteX11" fmla="*/ 176063 w 205084"/>
                <a:gd name="connsiteY11" fmla="*/ 0 h 132853"/>
                <a:gd name="connsiteX12" fmla="*/ 205084 w 205084"/>
                <a:gd name="connsiteY12" fmla="*/ 27732 h 1328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205084" h="132853">
                  <a:moveTo>
                    <a:pt x="170259" y="132853"/>
                  </a:moveTo>
                  <a:lnTo>
                    <a:pt x="65137" y="132853"/>
                  </a:lnTo>
                  <a:lnTo>
                    <a:pt x="29666" y="132853"/>
                  </a:lnTo>
                  <a:lnTo>
                    <a:pt x="0" y="132853"/>
                  </a:lnTo>
                  <a:lnTo>
                    <a:pt x="10964" y="56108"/>
                  </a:lnTo>
                  <a:cubicBezTo>
                    <a:pt x="11609" y="49659"/>
                    <a:pt x="16123" y="43854"/>
                    <a:pt x="22572" y="41920"/>
                  </a:cubicBezTo>
                  <a:lnTo>
                    <a:pt x="61912" y="29021"/>
                  </a:lnTo>
                  <a:cubicBezTo>
                    <a:pt x="63847" y="28376"/>
                    <a:pt x="65782" y="27087"/>
                    <a:pt x="67072" y="25797"/>
                  </a:cubicBezTo>
                  <a:lnTo>
                    <a:pt x="92868" y="0"/>
                  </a:lnTo>
                  <a:lnTo>
                    <a:pt x="110926" y="12253"/>
                  </a:lnTo>
                  <a:lnTo>
                    <a:pt x="134788" y="27732"/>
                  </a:lnTo>
                  <a:lnTo>
                    <a:pt x="176063" y="0"/>
                  </a:lnTo>
                  <a:lnTo>
                    <a:pt x="205084" y="27732"/>
                  </a:lnTo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3" name="Freeform: Shape 42">
              <a:extLst>
                <a:ext uri="{FF2B5EF4-FFF2-40B4-BE49-F238E27FC236}">
                  <a16:creationId xmlns:a16="http://schemas.microsoft.com/office/drawing/2014/main" id="{F7BC87DE-FCF7-3E18-3FA6-863B4AEF6F40}"/>
                </a:ext>
              </a:extLst>
            </p:cNvPr>
            <p:cNvSpPr/>
            <p:nvPr/>
          </p:nvSpPr>
          <p:spPr>
            <a:xfrm>
              <a:off x="1674666" y="2902966"/>
              <a:ext cx="365669" cy="184446"/>
            </a:xfrm>
            <a:custGeom>
              <a:avLst/>
              <a:gdLst>
                <a:gd name="connsiteX0" fmla="*/ 72876 w 365669"/>
                <a:gd name="connsiteY0" fmla="*/ 36115 h 184446"/>
                <a:gd name="connsiteX1" fmla="*/ 26442 w 365669"/>
                <a:gd name="connsiteY1" fmla="*/ 58043 h 184446"/>
                <a:gd name="connsiteX2" fmla="*/ 15478 w 365669"/>
                <a:gd name="connsiteY2" fmla="*/ 72876 h 184446"/>
                <a:gd name="connsiteX3" fmla="*/ 0 w 365669"/>
                <a:gd name="connsiteY3" fmla="*/ 182512 h 184446"/>
                <a:gd name="connsiteX4" fmla="*/ 365669 w 365669"/>
                <a:gd name="connsiteY4" fmla="*/ 184447 h 184446"/>
                <a:gd name="connsiteX5" fmla="*/ 359220 w 365669"/>
                <a:gd name="connsiteY5" fmla="*/ 136078 h 184446"/>
                <a:gd name="connsiteX6" fmla="*/ 355996 w 365669"/>
                <a:gd name="connsiteY6" fmla="*/ 111571 h 184446"/>
                <a:gd name="connsiteX7" fmla="*/ 352771 w 365669"/>
                <a:gd name="connsiteY7" fmla="*/ 87064 h 184446"/>
                <a:gd name="connsiteX8" fmla="*/ 351481 w 365669"/>
                <a:gd name="connsiteY8" fmla="*/ 74811 h 184446"/>
                <a:gd name="connsiteX9" fmla="*/ 338583 w 365669"/>
                <a:gd name="connsiteY9" fmla="*/ 58688 h 184446"/>
                <a:gd name="connsiteX10" fmla="*/ 276670 w 365669"/>
                <a:gd name="connsiteY10" fmla="*/ 38695 h 184446"/>
                <a:gd name="connsiteX11" fmla="*/ 236685 w 365669"/>
                <a:gd name="connsiteY11" fmla="*/ 0 h 184446"/>
                <a:gd name="connsiteX12" fmla="*/ 179288 w 365669"/>
                <a:gd name="connsiteY12" fmla="*/ 38695 h 184446"/>
                <a:gd name="connsiteX13" fmla="*/ 146397 w 365669"/>
                <a:gd name="connsiteY13" fmla="*/ 16768 h 184446"/>
                <a:gd name="connsiteX14" fmla="*/ 121890 w 365669"/>
                <a:gd name="connsiteY14" fmla="*/ 0 h 184446"/>
                <a:gd name="connsiteX15" fmla="*/ 72876 w 365669"/>
                <a:gd name="connsiteY15" fmla="*/ 36115 h 18444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365669" h="184446">
                  <a:moveTo>
                    <a:pt x="72876" y="36115"/>
                  </a:moveTo>
                  <a:lnTo>
                    <a:pt x="26442" y="58043"/>
                  </a:lnTo>
                  <a:cubicBezTo>
                    <a:pt x="20637" y="60622"/>
                    <a:pt x="16123" y="66427"/>
                    <a:pt x="15478" y="72876"/>
                  </a:cubicBezTo>
                  <a:lnTo>
                    <a:pt x="0" y="182512"/>
                  </a:lnTo>
                  <a:lnTo>
                    <a:pt x="365669" y="184447"/>
                  </a:lnTo>
                  <a:lnTo>
                    <a:pt x="359220" y="136078"/>
                  </a:lnTo>
                  <a:lnTo>
                    <a:pt x="355996" y="111571"/>
                  </a:lnTo>
                  <a:lnTo>
                    <a:pt x="352771" y="87064"/>
                  </a:lnTo>
                  <a:lnTo>
                    <a:pt x="351481" y="74811"/>
                  </a:lnTo>
                  <a:cubicBezTo>
                    <a:pt x="350836" y="67716"/>
                    <a:pt x="345677" y="61267"/>
                    <a:pt x="338583" y="58688"/>
                  </a:cubicBezTo>
                  <a:lnTo>
                    <a:pt x="276670" y="38695"/>
                  </a:lnTo>
                  <a:lnTo>
                    <a:pt x="236685" y="0"/>
                  </a:lnTo>
                  <a:lnTo>
                    <a:pt x="179288" y="38695"/>
                  </a:lnTo>
                  <a:lnTo>
                    <a:pt x="146397" y="16768"/>
                  </a:lnTo>
                  <a:lnTo>
                    <a:pt x="121890" y="0"/>
                  </a:lnTo>
                  <a:lnTo>
                    <a:pt x="72876" y="36115"/>
                  </a:lnTo>
                  <a:close/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sp>
        <p:nvSpPr>
          <p:cNvPr id="44" name="Rectangle 220">
            <a:extLst>
              <a:ext uri="{FF2B5EF4-FFF2-40B4-BE49-F238E27FC236}">
                <a16:creationId xmlns:a16="http://schemas.microsoft.com/office/drawing/2014/main" id="{A37AA094-53C7-6748-A7DC-3E2CBAA4E278}"/>
              </a:ext>
            </a:extLst>
          </p:cNvPr>
          <p:cNvSpPr>
            <a:spLocks/>
          </p:cNvSpPr>
          <p:nvPr/>
        </p:nvSpPr>
        <p:spPr>
          <a:xfrm>
            <a:off x="2450814" y="4810904"/>
            <a:ext cx="1294747" cy="473495"/>
          </a:xfrm>
          <a:prstGeom prst="rect">
            <a:avLst/>
          </a:prstGeom>
        </p:spPr>
        <p:txBody>
          <a:bodyPr wrap="square" lIns="0" tIns="0" rIns="0" bIns="0" anchor="t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0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Segoe UI" panose="020B0502040204020203" pitchFamily="34" charset="0"/>
              </a:rPr>
              <a:t>+80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7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Segoe UI" panose="020B0502040204020203" pitchFamily="34" charset="0"/>
              </a:rPr>
              <a:t>Countries</a:t>
            </a:r>
          </a:p>
        </p:txBody>
      </p:sp>
      <p:grpSp>
        <p:nvGrpSpPr>
          <p:cNvPr id="45" name="Graphic 217">
            <a:extLst>
              <a:ext uri="{FF2B5EF4-FFF2-40B4-BE49-F238E27FC236}">
                <a16:creationId xmlns:a16="http://schemas.microsoft.com/office/drawing/2014/main" id="{3886302D-9104-21B4-0514-D368AD92AC74}"/>
              </a:ext>
            </a:extLst>
          </p:cNvPr>
          <p:cNvGrpSpPr>
            <a:grpSpLocks/>
          </p:cNvGrpSpPr>
          <p:nvPr/>
        </p:nvGrpSpPr>
        <p:grpSpPr>
          <a:xfrm>
            <a:off x="1517872" y="4765509"/>
            <a:ext cx="564284" cy="564284"/>
            <a:chOff x="1080959" y="4935479"/>
            <a:chExt cx="617843" cy="617843"/>
          </a:xfrm>
          <a:noFill/>
        </p:grpSpPr>
        <p:sp>
          <p:nvSpPr>
            <p:cNvPr id="46" name="Freeform: Shape 45">
              <a:extLst>
                <a:ext uri="{FF2B5EF4-FFF2-40B4-BE49-F238E27FC236}">
                  <a16:creationId xmlns:a16="http://schemas.microsoft.com/office/drawing/2014/main" id="{3DBB8F3D-C530-6FCA-73B2-28F4D8179C6D}"/>
                </a:ext>
              </a:extLst>
            </p:cNvPr>
            <p:cNvSpPr/>
            <p:nvPr/>
          </p:nvSpPr>
          <p:spPr>
            <a:xfrm>
              <a:off x="1558456" y="5328043"/>
              <a:ext cx="119665" cy="129427"/>
            </a:xfrm>
            <a:custGeom>
              <a:avLst/>
              <a:gdLst>
                <a:gd name="connsiteX0" fmla="*/ 119666 w 119665"/>
                <a:gd name="connsiteY0" fmla="*/ 17186 h 129427"/>
                <a:gd name="connsiteX1" fmla="*/ 99071 w 119665"/>
                <a:gd name="connsiteY1" fmla="*/ 1740 h 129427"/>
                <a:gd name="connsiteX2" fmla="*/ 63030 w 119665"/>
                <a:gd name="connsiteY2" fmla="*/ 42930 h 129427"/>
                <a:gd name="connsiteX3" fmla="*/ 22870 w 119665"/>
                <a:gd name="connsiteY3" fmla="*/ 69703 h 129427"/>
                <a:gd name="connsiteX4" fmla="*/ 216 w 119665"/>
                <a:gd name="connsiteY4" fmla="*/ 101625 h 129427"/>
                <a:gd name="connsiteX5" fmla="*/ 37287 w 119665"/>
                <a:gd name="connsiteY5" fmla="*/ 129428 h 129427"/>
                <a:gd name="connsiteX6" fmla="*/ 54792 w 119665"/>
                <a:gd name="connsiteY6" fmla="*/ 125309 h 1294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19665" h="129427">
                  <a:moveTo>
                    <a:pt x="119666" y="17186"/>
                  </a:moveTo>
                  <a:cubicBezTo>
                    <a:pt x="119666" y="17186"/>
                    <a:pt x="107309" y="-6498"/>
                    <a:pt x="99071" y="1740"/>
                  </a:cubicBezTo>
                  <a:cubicBezTo>
                    <a:pt x="93922" y="5859"/>
                    <a:pt x="76417" y="31603"/>
                    <a:pt x="63030" y="42930"/>
                  </a:cubicBezTo>
                  <a:cubicBezTo>
                    <a:pt x="49644" y="55287"/>
                    <a:pt x="26989" y="65584"/>
                    <a:pt x="22870" y="69703"/>
                  </a:cubicBezTo>
                  <a:cubicBezTo>
                    <a:pt x="18751" y="73822"/>
                    <a:pt x="3305" y="90298"/>
                    <a:pt x="216" y="101625"/>
                  </a:cubicBezTo>
                  <a:cubicBezTo>
                    <a:pt x="-2873" y="112952"/>
                    <a:pt x="28019" y="129428"/>
                    <a:pt x="37287" y="129428"/>
                  </a:cubicBezTo>
                  <a:cubicBezTo>
                    <a:pt x="42435" y="129428"/>
                    <a:pt x="48614" y="127368"/>
                    <a:pt x="54792" y="125309"/>
                  </a:cubicBezTo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7" name="Freeform: Shape 46">
              <a:extLst>
                <a:ext uri="{FF2B5EF4-FFF2-40B4-BE49-F238E27FC236}">
                  <a16:creationId xmlns:a16="http://schemas.microsoft.com/office/drawing/2014/main" id="{3E218E1A-A09F-6A57-FF0F-7080ECB0BA0C}"/>
                </a:ext>
              </a:extLst>
            </p:cNvPr>
            <p:cNvSpPr/>
            <p:nvPr/>
          </p:nvSpPr>
          <p:spPr>
            <a:xfrm>
              <a:off x="1242040" y="4997444"/>
              <a:ext cx="437583" cy="446774"/>
            </a:xfrm>
            <a:custGeom>
              <a:avLst/>
              <a:gdLst>
                <a:gd name="connsiteX0" fmla="*/ 347996 w 437583"/>
                <a:gd name="connsiteY0" fmla="*/ 20414 h 446774"/>
                <a:gd name="connsiteX1" fmla="*/ 319164 w 437583"/>
                <a:gd name="connsiteY1" fmla="*/ 14235 h 446774"/>
                <a:gd name="connsiteX2" fmla="*/ 270766 w 437583"/>
                <a:gd name="connsiteY2" fmla="*/ 8057 h 446774"/>
                <a:gd name="connsiteX3" fmla="*/ 215160 w 437583"/>
                <a:gd name="connsiteY3" fmla="*/ 4968 h 446774"/>
                <a:gd name="connsiteX4" fmla="*/ 173970 w 437583"/>
                <a:gd name="connsiteY4" fmla="*/ 10116 h 446774"/>
                <a:gd name="connsiteX5" fmla="*/ 127632 w 437583"/>
                <a:gd name="connsiteY5" fmla="*/ 27622 h 446774"/>
                <a:gd name="connsiteX6" fmla="*/ 92621 w 437583"/>
                <a:gd name="connsiteY6" fmla="*/ 46157 h 446774"/>
                <a:gd name="connsiteX7" fmla="*/ 79234 w 437583"/>
                <a:gd name="connsiteY7" fmla="*/ 85287 h 446774"/>
                <a:gd name="connsiteX8" fmla="*/ 106008 w 437583"/>
                <a:gd name="connsiteY8" fmla="*/ 101763 h 446774"/>
                <a:gd name="connsiteX9" fmla="*/ 143078 w 437583"/>
                <a:gd name="connsiteY9" fmla="*/ 116179 h 446774"/>
                <a:gd name="connsiteX10" fmla="*/ 175000 w 437583"/>
                <a:gd name="connsiteY10" fmla="*/ 130596 h 446774"/>
                <a:gd name="connsiteX11" fmla="*/ 176030 w 437583"/>
                <a:gd name="connsiteY11" fmla="*/ 131625 h 446774"/>
                <a:gd name="connsiteX12" fmla="*/ 165733 w 437583"/>
                <a:gd name="connsiteY12" fmla="*/ 143982 h 446774"/>
                <a:gd name="connsiteX13" fmla="*/ 149257 w 437583"/>
                <a:gd name="connsiteY13" fmla="*/ 142953 h 446774"/>
                <a:gd name="connsiteX14" fmla="*/ 97770 w 437583"/>
                <a:gd name="connsiteY14" fmla="*/ 134715 h 446774"/>
                <a:gd name="connsiteX15" fmla="*/ 52461 w 437583"/>
                <a:gd name="connsiteY15" fmla="*/ 132655 h 446774"/>
                <a:gd name="connsiteX16" fmla="*/ 974 w 437583"/>
                <a:gd name="connsiteY16" fmla="*/ 226361 h 446774"/>
                <a:gd name="connsiteX17" fmla="*/ 22599 w 437583"/>
                <a:gd name="connsiteY17" fmla="*/ 277848 h 446774"/>
                <a:gd name="connsiteX18" fmla="*/ 63788 w 437583"/>
                <a:gd name="connsiteY18" fmla="*/ 270640 h 446774"/>
                <a:gd name="connsiteX19" fmla="*/ 75116 w 437583"/>
                <a:gd name="connsiteY19" fmla="*/ 302562 h 446774"/>
                <a:gd name="connsiteX20" fmla="*/ 82324 w 437583"/>
                <a:gd name="connsiteY20" fmla="*/ 370525 h 446774"/>
                <a:gd name="connsiteX21" fmla="*/ 116305 w 437583"/>
                <a:gd name="connsiteY21" fmla="*/ 446726 h 446774"/>
                <a:gd name="connsiteX22" fmla="*/ 146167 w 437583"/>
                <a:gd name="connsiteY22" fmla="*/ 424071 h 446774"/>
                <a:gd name="connsiteX23" fmla="*/ 163673 w 437583"/>
                <a:gd name="connsiteY23" fmla="*/ 397298 h 446774"/>
                <a:gd name="connsiteX24" fmla="*/ 187357 w 437583"/>
                <a:gd name="connsiteY24" fmla="*/ 371555 h 446774"/>
                <a:gd name="connsiteX25" fmla="*/ 208982 w 437583"/>
                <a:gd name="connsiteY25" fmla="*/ 301532 h 446774"/>
                <a:gd name="connsiteX26" fmla="*/ 215160 w 437583"/>
                <a:gd name="connsiteY26" fmla="*/ 277848 h 446774"/>
                <a:gd name="connsiteX27" fmla="*/ 218249 w 437583"/>
                <a:gd name="connsiteY27" fmla="*/ 258283 h 446774"/>
                <a:gd name="connsiteX28" fmla="*/ 205892 w 437583"/>
                <a:gd name="connsiteY28" fmla="*/ 254164 h 446774"/>
                <a:gd name="connsiteX29" fmla="*/ 186327 w 437583"/>
                <a:gd name="connsiteY29" fmla="*/ 232540 h 446774"/>
                <a:gd name="connsiteX30" fmla="*/ 175000 w 437583"/>
                <a:gd name="connsiteY30" fmla="*/ 207826 h 446774"/>
                <a:gd name="connsiteX31" fmla="*/ 196625 w 437583"/>
                <a:gd name="connsiteY31" fmla="*/ 190321 h 446774"/>
                <a:gd name="connsiteX32" fmla="*/ 249141 w 437583"/>
                <a:gd name="connsiteY32" fmla="*/ 227391 h 446774"/>
                <a:gd name="connsiteX33" fmla="*/ 250171 w 437583"/>
                <a:gd name="connsiteY33" fmla="*/ 187231 h 446774"/>
                <a:gd name="connsiteX34" fmla="*/ 249141 w 437583"/>
                <a:gd name="connsiteY34" fmla="*/ 178993 h 446774"/>
                <a:gd name="connsiteX35" fmla="*/ 276944 w 437583"/>
                <a:gd name="connsiteY35" fmla="*/ 190321 h 446774"/>
                <a:gd name="connsiteX36" fmla="*/ 291361 w 437583"/>
                <a:gd name="connsiteY36" fmla="*/ 219153 h 446774"/>
                <a:gd name="connsiteX37" fmla="*/ 290331 w 437583"/>
                <a:gd name="connsiteY37" fmla="*/ 250045 h 446774"/>
                <a:gd name="connsiteX38" fmla="*/ 317104 w 437583"/>
                <a:gd name="connsiteY38" fmla="*/ 250045 h 446774"/>
                <a:gd name="connsiteX39" fmla="*/ 338729 w 437583"/>
                <a:gd name="connsiteY39" fmla="*/ 202677 h 446774"/>
                <a:gd name="connsiteX40" fmla="*/ 361383 w 437583"/>
                <a:gd name="connsiteY40" fmla="*/ 232540 h 446774"/>
                <a:gd name="connsiteX41" fmla="*/ 381978 w 437583"/>
                <a:gd name="connsiteY41" fmla="*/ 250045 h 446774"/>
                <a:gd name="connsiteX42" fmla="*/ 390216 w 437583"/>
                <a:gd name="connsiteY42" fmla="*/ 226361 h 446774"/>
                <a:gd name="connsiteX43" fmla="*/ 386097 w 437583"/>
                <a:gd name="connsiteY43" fmla="*/ 207826 h 446774"/>
                <a:gd name="connsiteX44" fmla="*/ 404632 w 437583"/>
                <a:gd name="connsiteY44" fmla="*/ 198558 h 446774"/>
                <a:gd name="connsiteX45" fmla="*/ 386097 w 437583"/>
                <a:gd name="connsiteY45" fmla="*/ 139863 h 446774"/>
                <a:gd name="connsiteX46" fmla="*/ 404632 w 437583"/>
                <a:gd name="connsiteY46" fmla="*/ 134715 h 446774"/>
                <a:gd name="connsiteX47" fmla="*/ 437584 w 437583"/>
                <a:gd name="connsiteY47" fmla="*/ 145012 h 44677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</a:cxnLst>
              <a:rect l="l" t="t" r="r" b="b"/>
              <a:pathLst>
                <a:path w="437583" h="446774">
                  <a:moveTo>
                    <a:pt x="347996" y="20414"/>
                  </a:moveTo>
                  <a:cubicBezTo>
                    <a:pt x="343877" y="19384"/>
                    <a:pt x="324312" y="15265"/>
                    <a:pt x="319164" y="14235"/>
                  </a:cubicBezTo>
                  <a:cubicBezTo>
                    <a:pt x="299599" y="8057"/>
                    <a:pt x="288271" y="17324"/>
                    <a:pt x="270766" y="8057"/>
                  </a:cubicBezTo>
                  <a:cubicBezTo>
                    <a:pt x="240903" y="-7389"/>
                    <a:pt x="216190" y="3938"/>
                    <a:pt x="215160" y="4968"/>
                  </a:cubicBezTo>
                  <a:cubicBezTo>
                    <a:pt x="205892" y="7027"/>
                    <a:pt x="184268" y="14235"/>
                    <a:pt x="173970" y="10116"/>
                  </a:cubicBezTo>
                  <a:cubicBezTo>
                    <a:pt x="164703" y="7027"/>
                    <a:pt x="143078" y="10116"/>
                    <a:pt x="127632" y="27622"/>
                  </a:cubicBezTo>
                  <a:cubicBezTo>
                    <a:pt x="118365" y="37919"/>
                    <a:pt x="99829" y="38949"/>
                    <a:pt x="92621" y="46157"/>
                  </a:cubicBezTo>
                  <a:cubicBezTo>
                    <a:pt x="84383" y="53365"/>
                    <a:pt x="77175" y="69841"/>
                    <a:pt x="79234" y="85287"/>
                  </a:cubicBezTo>
                  <a:cubicBezTo>
                    <a:pt x="81294" y="99704"/>
                    <a:pt x="88502" y="84257"/>
                    <a:pt x="106008" y="101763"/>
                  </a:cubicBezTo>
                  <a:cubicBezTo>
                    <a:pt x="110127" y="105882"/>
                    <a:pt x="129692" y="114120"/>
                    <a:pt x="143078" y="116179"/>
                  </a:cubicBezTo>
                  <a:cubicBezTo>
                    <a:pt x="155435" y="117209"/>
                    <a:pt x="166762" y="121328"/>
                    <a:pt x="175000" y="130596"/>
                  </a:cubicBezTo>
                  <a:cubicBezTo>
                    <a:pt x="175000" y="130596"/>
                    <a:pt x="176030" y="131625"/>
                    <a:pt x="176030" y="131625"/>
                  </a:cubicBezTo>
                  <a:cubicBezTo>
                    <a:pt x="183238" y="139863"/>
                    <a:pt x="173970" y="142953"/>
                    <a:pt x="165733" y="143982"/>
                  </a:cubicBezTo>
                  <a:cubicBezTo>
                    <a:pt x="157495" y="145012"/>
                    <a:pt x="157495" y="142953"/>
                    <a:pt x="149257" y="142953"/>
                  </a:cubicBezTo>
                  <a:cubicBezTo>
                    <a:pt x="142049" y="142953"/>
                    <a:pt x="116305" y="145012"/>
                    <a:pt x="97770" y="134715"/>
                  </a:cubicBezTo>
                  <a:cubicBezTo>
                    <a:pt x="79234" y="124417"/>
                    <a:pt x="70997" y="127506"/>
                    <a:pt x="52461" y="132655"/>
                  </a:cubicBezTo>
                  <a:cubicBezTo>
                    <a:pt x="24658" y="139863"/>
                    <a:pt x="5093" y="190321"/>
                    <a:pt x="974" y="226361"/>
                  </a:cubicBezTo>
                  <a:cubicBezTo>
                    <a:pt x="-3145" y="262402"/>
                    <a:pt x="6123" y="281967"/>
                    <a:pt x="22599" y="277848"/>
                  </a:cubicBezTo>
                  <a:cubicBezTo>
                    <a:pt x="33926" y="275789"/>
                    <a:pt x="52461" y="263432"/>
                    <a:pt x="63788" y="270640"/>
                  </a:cubicBezTo>
                  <a:cubicBezTo>
                    <a:pt x="74086" y="276819"/>
                    <a:pt x="74086" y="292265"/>
                    <a:pt x="75116" y="302562"/>
                  </a:cubicBezTo>
                  <a:cubicBezTo>
                    <a:pt x="76145" y="313889"/>
                    <a:pt x="82324" y="358168"/>
                    <a:pt x="82324" y="370525"/>
                  </a:cubicBezTo>
                  <a:cubicBezTo>
                    <a:pt x="82324" y="377733"/>
                    <a:pt x="99829" y="445696"/>
                    <a:pt x="116305" y="446726"/>
                  </a:cubicBezTo>
                  <a:cubicBezTo>
                    <a:pt x="129692" y="447755"/>
                    <a:pt x="139989" y="432309"/>
                    <a:pt x="146167" y="424071"/>
                  </a:cubicBezTo>
                  <a:cubicBezTo>
                    <a:pt x="154405" y="414804"/>
                    <a:pt x="159554" y="410685"/>
                    <a:pt x="163673" y="397298"/>
                  </a:cubicBezTo>
                  <a:cubicBezTo>
                    <a:pt x="165733" y="391120"/>
                    <a:pt x="184268" y="376703"/>
                    <a:pt x="187357" y="371555"/>
                  </a:cubicBezTo>
                  <a:cubicBezTo>
                    <a:pt x="191476" y="364346"/>
                    <a:pt x="195595" y="316978"/>
                    <a:pt x="208982" y="301532"/>
                  </a:cubicBezTo>
                  <a:cubicBezTo>
                    <a:pt x="215160" y="293294"/>
                    <a:pt x="210011" y="286086"/>
                    <a:pt x="215160" y="277848"/>
                  </a:cubicBezTo>
                  <a:cubicBezTo>
                    <a:pt x="218249" y="272700"/>
                    <a:pt x="223398" y="263432"/>
                    <a:pt x="218249" y="258283"/>
                  </a:cubicBezTo>
                  <a:cubicBezTo>
                    <a:pt x="215160" y="255194"/>
                    <a:pt x="210011" y="254164"/>
                    <a:pt x="205892" y="254164"/>
                  </a:cubicBezTo>
                  <a:cubicBezTo>
                    <a:pt x="195595" y="254164"/>
                    <a:pt x="189417" y="239748"/>
                    <a:pt x="186327" y="232540"/>
                  </a:cubicBezTo>
                  <a:cubicBezTo>
                    <a:pt x="182208" y="225332"/>
                    <a:pt x="176030" y="216064"/>
                    <a:pt x="175000" y="207826"/>
                  </a:cubicBezTo>
                  <a:cubicBezTo>
                    <a:pt x="171911" y="193410"/>
                    <a:pt x="192506" y="185172"/>
                    <a:pt x="196625" y="190321"/>
                  </a:cubicBezTo>
                  <a:cubicBezTo>
                    <a:pt x="202803" y="200618"/>
                    <a:pt x="241933" y="232540"/>
                    <a:pt x="249141" y="227391"/>
                  </a:cubicBezTo>
                  <a:cubicBezTo>
                    <a:pt x="257379" y="221213"/>
                    <a:pt x="256350" y="196499"/>
                    <a:pt x="250171" y="187231"/>
                  </a:cubicBezTo>
                  <a:cubicBezTo>
                    <a:pt x="246052" y="182083"/>
                    <a:pt x="239874" y="180023"/>
                    <a:pt x="249141" y="178993"/>
                  </a:cubicBezTo>
                  <a:cubicBezTo>
                    <a:pt x="262528" y="177964"/>
                    <a:pt x="267677" y="183112"/>
                    <a:pt x="276944" y="190321"/>
                  </a:cubicBezTo>
                  <a:cubicBezTo>
                    <a:pt x="285182" y="197529"/>
                    <a:pt x="288271" y="208856"/>
                    <a:pt x="291361" y="219153"/>
                  </a:cubicBezTo>
                  <a:cubicBezTo>
                    <a:pt x="294450" y="228421"/>
                    <a:pt x="287242" y="240778"/>
                    <a:pt x="290331" y="250045"/>
                  </a:cubicBezTo>
                  <a:cubicBezTo>
                    <a:pt x="293420" y="259313"/>
                    <a:pt x="309896" y="254164"/>
                    <a:pt x="317104" y="250045"/>
                  </a:cubicBezTo>
                  <a:cubicBezTo>
                    <a:pt x="324312" y="245926"/>
                    <a:pt x="325342" y="211945"/>
                    <a:pt x="338729" y="202677"/>
                  </a:cubicBezTo>
                  <a:cubicBezTo>
                    <a:pt x="335639" y="204737"/>
                    <a:pt x="359323" y="229451"/>
                    <a:pt x="361383" y="232540"/>
                  </a:cubicBezTo>
                  <a:cubicBezTo>
                    <a:pt x="366532" y="240778"/>
                    <a:pt x="366532" y="256224"/>
                    <a:pt x="381978" y="250045"/>
                  </a:cubicBezTo>
                  <a:cubicBezTo>
                    <a:pt x="394335" y="244897"/>
                    <a:pt x="395364" y="233570"/>
                    <a:pt x="390216" y="226361"/>
                  </a:cubicBezTo>
                  <a:cubicBezTo>
                    <a:pt x="386097" y="220183"/>
                    <a:pt x="379918" y="215034"/>
                    <a:pt x="386097" y="207826"/>
                  </a:cubicBezTo>
                  <a:cubicBezTo>
                    <a:pt x="391245" y="202677"/>
                    <a:pt x="399483" y="202677"/>
                    <a:pt x="404632" y="198558"/>
                  </a:cubicBezTo>
                  <a:cubicBezTo>
                    <a:pt x="422137" y="186202"/>
                    <a:pt x="394335" y="153250"/>
                    <a:pt x="386097" y="139863"/>
                  </a:cubicBezTo>
                  <a:cubicBezTo>
                    <a:pt x="385067" y="138834"/>
                    <a:pt x="394335" y="133685"/>
                    <a:pt x="404632" y="134715"/>
                  </a:cubicBezTo>
                  <a:cubicBezTo>
                    <a:pt x="418019" y="135744"/>
                    <a:pt x="433465" y="142953"/>
                    <a:pt x="437584" y="145012"/>
                  </a:cubicBezTo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8" name="Freeform: Shape 47">
              <a:extLst>
                <a:ext uri="{FF2B5EF4-FFF2-40B4-BE49-F238E27FC236}">
                  <a16:creationId xmlns:a16="http://schemas.microsoft.com/office/drawing/2014/main" id="{257FF939-B2B8-9B79-E9D5-E2A64F49112A}"/>
                </a:ext>
              </a:extLst>
            </p:cNvPr>
            <p:cNvSpPr/>
            <p:nvPr/>
          </p:nvSpPr>
          <p:spPr>
            <a:xfrm>
              <a:off x="1188052" y="4969446"/>
              <a:ext cx="78413" cy="67444"/>
            </a:xfrm>
            <a:custGeom>
              <a:avLst/>
              <a:gdLst>
                <a:gd name="connsiteX0" fmla="*/ 0 w 78413"/>
                <a:gd name="connsiteY0" fmla="*/ 51501 h 67444"/>
                <a:gd name="connsiteX1" fmla="*/ 25743 w 78413"/>
                <a:gd name="connsiteY1" fmla="*/ 62828 h 67444"/>
                <a:gd name="connsiteX2" fmla="*/ 66933 w 78413"/>
                <a:gd name="connsiteY2" fmla="*/ 62828 h 67444"/>
                <a:gd name="connsiteX3" fmla="*/ 62814 w 78413"/>
                <a:gd name="connsiteY3" fmla="*/ 14 h 674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78413" h="67444">
                  <a:moveTo>
                    <a:pt x="0" y="51501"/>
                  </a:moveTo>
                  <a:cubicBezTo>
                    <a:pt x="4119" y="49442"/>
                    <a:pt x="24714" y="62828"/>
                    <a:pt x="25743" y="62828"/>
                  </a:cubicBezTo>
                  <a:cubicBezTo>
                    <a:pt x="28833" y="64888"/>
                    <a:pt x="51487" y="72096"/>
                    <a:pt x="66933" y="62828"/>
                  </a:cubicBezTo>
                  <a:cubicBezTo>
                    <a:pt x="82379" y="53561"/>
                    <a:pt x="83409" y="-1015"/>
                    <a:pt x="62814" y="14"/>
                  </a:cubicBezTo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9" name="Freeform: Shape 48">
              <a:extLst>
                <a:ext uri="{FF2B5EF4-FFF2-40B4-BE49-F238E27FC236}">
                  <a16:creationId xmlns:a16="http://schemas.microsoft.com/office/drawing/2014/main" id="{B73B0F17-5E88-CEFF-93BC-DCCE7DFDCE8E}"/>
                </a:ext>
              </a:extLst>
            </p:cNvPr>
            <p:cNvSpPr/>
            <p:nvPr/>
          </p:nvSpPr>
          <p:spPr>
            <a:xfrm>
              <a:off x="1084048" y="5018501"/>
              <a:ext cx="134951" cy="186768"/>
            </a:xfrm>
            <a:custGeom>
              <a:avLst/>
              <a:gdLst>
                <a:gd name="connsiteX0" fmla="*/ 0 w 134951"/>
                <a:gd name="connsiteY0" fmla="*/ 186769 h 186768"/>
                <a:gd name="connsiteX1" fmla="*/ 53546 w 134951"/>
                <a:gd name="connsiteY1" fmla="*/ 141460 h 186768"/>
                <a:gd name="connsiteX2" fmla="*/ 99885 w 134951"/>
                <a:gd name="connsiteY2" fmla="*/ 127044 h 186768"/>
                <a:gd name="connsiteX3" fmla="*/ 90617 w 134951"/>
                <a:gd name="connsiteY3" fmla="*/ 107479 h 186768"/>
                <a:gd name="connsiteX4" fmla="*/ 125628 w 134951"/>
                <a:gd name="connsiteY4" fmla="*/ 95122 h 186768"/>
                <a:gd name="connsiteX5" fmla="*/ 134896 w 134951"/>
                <a:gd name="connsiteY5" fmla="*/ 73498 h 186768"/>
                <a:gd name="connsiteX6" fmla="*/ 106063 w 134951"/>
                <a:gd name="connsiteY6" fmla="*/ 42606 h 186768"/>
                <a:gd name="connsiteX7" fmla="*/ 83409 w 134951"/>
                <a:gd name="connsiteY7" fmla="*/ 40546 h 186768"/>
                <a:gd name="connsiteX8" fmla="*/ 98855 w 134951"/>
                <a:gd name="connsiteY8" fmla="*/ 386 h 18676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34951" h="186768">
                  <a:moveTo>
                    <a:pt x="0" y="186769"/>
                  </a:moveTo>
                  <a:cubicBezTo>
                    <a:pt x="11327" y="175442"/>
                    <a:pt x="44279" y="150728"/>
                    <a:pt x="53546" y="141460"/>
                  </a:cubicBezTo>
                  <a:cubicBezTo>
                    <a:pt x="58695" y="136312"/>
                    <a:pt x="90617" y="135282"/>
                    <a:pt x="99885" y="127044"/>
                  </a:cubicBezTo>
                  <a:cubicBezTo>
                    <a:pt x="105033" y="121895"/>
                    <a:pt x="88558" y="110568"/>
                    <a:pt x="90617" y="107479"/>
                  </a:cubicBezTo>
                  <a:cubicBezTo>
                    <a:pt x="95766" y="100271"/>
                    <a:pt x="122539" y="100271"/>
                    <a:pt x="125628" y="95122"/>
                  </a:cubicBezTo>
                  <a:cubicBezTo>
                    <a:pt x="128717" y="89974"/>
                    <a:pt x="129747" y="75557"/>
                    <a:pt x="134896" y="73498"/>
                  </a:cubicBezTo>
                  <a:cubicBezTo>
                    <a:pt x="135926" y="73498"/>
                    <a:pt x="122539" y="51873"/>
                    <a:pt x="106063" y="42606"/>
                  </a:cubicBezTo>
                  <a:cubicBezTo>
                    <a:pt x="94736" y="37457"/>
                    <a:pt x="92676" y="46724"/>
                    <a:pt x="83409" y="40546"/>
                  </a:cubicBezTo>
                  <a:cubicBezTo>
                    <a:pt x="59725" y="26130"/>
                    <a:pt x="102974" y="-3733"/>
                    <a:pt x="98855" y="386"/>
                  </a:cubicBezTo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0" name="Freeform: Shape 49">
              <a:extLst>
                <a:ext uri="{FF2B5EF4-FFF2-40B4-BE49-F238E27FC236}">
                  <a16:creationId xmlns:a16="http://schemas.microsoft.com/office/drawing/2014/main" id="{FCE961E2-EE62-E76E-7EE2-4B282F74070A}"/>
                </a:ext>
              </a:extLst>
            </p:cNvPr>
            <p:cNvSpPr/>
            <p:nvPr/>
          </p:nvSpPr>
          <p:spPr>
            <a:xfrm>
              <a:off x="1085078" y="5209389"/>
              <a:ext cx="84853" cy="237869"/>
            </a:xfrm>
            <a:custGeom>
              <a:avLst/>
              <a:gdLst>
                <a:gd name="connsiteX0" fmla="*/ 72082 w 84853"/>
                <a:gd name="connsiteY0" fmla="*/ 237870 h 237869"/>
                <a:gd name="connsiteX1" fmla="*/ 78260 w 84853"/>
                <a:gd name="connsiteY1" fmla="*/ 163728 h 237869"/>
                <a:gd name="connsiteX2" fmla="*/ 84439 w 84853"/>
                <a:gd name="connsiteY2" fmla="*/ 125628 h 237869"/>
                <a:gd name="connsiteX3" fmla="*/ 58695 w 84853"/>
                <a:gd name="connsiteY3" fmla="*/ 82379 h 237869"/>
                <a:gd name="connsiteX4" fmla="*/ 0 w 84853"/>
                <a:gd name="connsiteY4" fmla="*/ 0 h 2378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4853" h="237869">
                  <a:moveTo>
                    <a:pt x="72082" y="237870"/>
                  </a:moveTo>
                  <a:cubicBezTo>
                    <a:pt x="77230" y="221394"/>
                    <a:pt x="74141" y="181234"/>
                    <a:pt x="78260" y="163728"/>
                  </a:cubicBezTo>
                  <a:cubicBezTo>
                    <a:pt x="80320" y="157550"/>
                    <a:pt x="86498" y="154461"/>
                    <a:pt x="84439" y="125628"/>
                  </a:cubicBezTo>
                  <a:cubicBezTo>
                    <a:pt x="82379" y="96795"/>
                    <a:pt x="63844" y="87528"/>
                    <a:pt x="58695" y="82379"/>
                  </a:cubicBezTo>
                  <a:cubicBezTo>
                    <a:pt x="52517" y="77230"/>
                    <a:pt x="13387" y="35011"/>
                    <a:pt x="0" y="0"/>
                  </a:cubicBezTo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1" name="Freeform: Shape 50">
              <a:extLst>
                <a:ext uri="{FF2B5EF4-FFF2-40B4-BE49-F238E27FC236}">
                  <a16:creationId xmlns:a16="http://schemas.microsoft.com/office/drawing/2014/main" id="{8BC02D80-B663-8657-6691-FDEFA0CE2715}"/>
                </a:ext>
              </a:extLst>
            </p:cNvPr>
            <p:cNvSpPr/>
            <p:nvPr/>
          </p:nvSpPr>
          <p:spPr>
            <a:xfrm>
              <a:off x="1080959" y="4935479"/>
              <a:ext cx="617843" cy="617843"/>
            </a:xfrm>
            <a:custGeom>
              <a:avLst/>
              <a:gdLst>
                <a:gd name="connsiteX0" fmla="*/ 617843 w 617843"/>
                <a:gd name="connsiteY0" fmla="*/ 308922 h 617843"/>
                <a:gd name="connsiteX1" fmla="*/ 308922 w 617843"/>
                <a:gd name="connsiteY1" fmla="*/ 617843 h 617843"/>
                <a:gd name="connsiteX2" fmla="*/ 0 w 617843"/>
                <a:gd name="connsiteY2" fmla="*/ 308922 h 617843"/>
                <a:gd name="connsiteX3" fmla="*/ 308922 w 617843"/>
                <a:gd name="connsiteY3" fmla="*/ 0 h 617843"/>
                <a:gd name="connsiteX4" fmla="*/ 617843 w 617843"/>
                <a:gd name="connsiteY4" fmla="*/ 308922 h 6178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617843" h="617843">
                  <a:moveTo>
                    <a:pt x="617843" y="308922"/>
                  </a:moveTo>
                  <a:cubicBezTo>
                    <a:pt x="617843" y="479534"/>
                    <a:pt x="479534" y="617843"/>
                    <a:pt x="308922" y="617843"/>
                  </a:cubicBezTo>
                  <a:cubicBezTo>
                    <a:pt x="138309" y="617843"/>
                    <a:pt x="0" y="479534"/>
                    <a:pt x="0" y="308922"/>
                  </a:cubicBezTo>
                  <a:cubicBezTo>
                    <a:pt x="0" y="138309"/>
                    <a:pt x="138309" y="0"/>
                    <a:pt x="308922" y="0"/>
                  </a:cubicBezTo>
                  <a:cubicBezTo>
                    <a:pt x="479534" y="0"/>
                    <a:pt x="617843" y="138309"/>
                    <a:pt x="617843" y="308922"/>
                  </a:cubicBezTo>
                  <a:close/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sp>
        <p:nvSpPr>
          <p:cNvPr id="52" name="Rectangle 220">
            <a:extLst>
              <a:ext uri="{FF2B5EF4-FFF2-40B4-BE49-F238E27FC236}">
                <a16:creationId xmlns:a16="http://schemas.microsoft.com/office/drawing/2014/main" id="{6C6E0268-6374-9B85-F011-0CF4518AC9DC}"/>
              </a:ext>
            </a:extLst>
          </p:cNvPr>
          <p:cNvSpPr>
            <a:spLocks/>
          </p:cNvSpPr>
          <p:nvPr/>
        </p:nvSpPr>
        <p:spPr>
          <a:xfrm>
            <a:off x="2449268" y="3478598"/>
            <a:ext cx="1038159" cy="682142"/>
          </a:xfrm>
          <a:prstGeom prst="rect">
            <a:avLst/>
          </a:prstGeom>
        </p:spPr>
        <p:txBody>
          <a:bodyPr wrap="square" lIns="0" tIns="0" rIns="0" bIns="0" anchor="t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0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Segoe UI" panose="020B0502040204020203" pitchFamily="34" charset="0"/>
              </a:rPr>
              <a:t>+1,600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7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Segoe UI" panose="020B0502040204020203" pitchFamily="34" charset="0"/>
              </a:rPr>
              <a:t>Offices and logistics facilities</a:t>
            </a:r>
          </a:p>
        </p:txBody>
      </p:sp>
      <p:grpSp>
        <p:nvGrpSpPr>
          <p:cNvPr id="53" name="Graphic 226">
            <a:extLst>
              <a:ext uri="{FF2B5EF4-FFF2-40B4-BE49-F238E27FC236}">
                <a16:creationId xmlns:a16="http://schemas.microsoft.com/office/drawing/2014/main" id="{32198BA6-9FDA-A922-EF31-64A74BB1CA84}"/>
              </a:ext>
            </a:extLst>
          </p:cNvPr>
          <p:cNvGrpSpPr>
            <a:grpSpLocks/>
          </p:cNvGrpSpPr>
          <p:nvPr/>
        </p:nvGrpSpPr>
        <p:grpSpPr>
          <a:xfrm>
            <a:off x="1461895" y="3560440"/>
            <a:ext cx="676251" cy="515079"/>
            <a:chOff x="1019670" y="3875965"/>
            <a:chExt cx="740436" cy="563966"/>
          </a:xfrm>
        </p:grpSpPr>
        <p:sp>
          <p:nvSpPr>
            <p:cNvPr id="54" name="Freeform: Shape 53">
              <a:extLst>
                <a:ext uri="{FF2B5EF4-FFF2-40B4-BE49-F238E27FC236}">
                  <a16:creationId xmlns:a16="http://schemas.microsoft.com/office/drawing/2014/main" id="{F9395B5F-D23B-91A3-A781-A1166E2DD4CF}"/>
                </a:ext>
              </a:extLst>
            </p:cNvPr>
            <p:cNvSpPr/>
            <p:nvPr/>
          </p:nvSpPr>
          <p:spPr>
            <a:xfrm>
              <a:off x="1388654" y="4278269"/>
              <a:ext cx="12340" cy="157959"/>
            </a:xfrm>
            <a:custGeom>
              <a:avLst/>
              <a:gdLst>
                <a:gd name="connsiteX0" fmla="*/ 0 w 12340"/>
                <a:gd name="connsiteY0" fmla="*/ 0 h 157959"/>
                <a:gd name="connsiteX1" fmla="*/ 0 w 12340"/>
                <a:gd name="connsiteY1" fmla="*/ 157960 h 1579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12340" h="157959">
                  <a:moveTo>
                    <a:pt x="0" y="0"/>
                  </a:moveTo>
                  <a:lnTo>
                    <a:pt x="0" y="157960"/>
                  </a:lnTo>
                </a:path>
              </a:pathLst>
            </a:custGeom>
            <a:ln w="25400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5" name="Freeform: Shape 54">
              <a:extLst>
                <a:ext uri="{FF2B5EF4-FFF2-40B4-BE49-F238E27FC236}">
                  <a16:creationId xmlns:a16="http://schemas.microsoft.com/office/drawing/2014/main" id="{879BC4A7-5CC2-4BEF-541E-9676E47E0BF4}"/>
                </a:ext>
              </a:extLst>
            </p:cNvPr>
            <p:cNvSpPr/>
            <p:nvPr/>
          </p:nvSpPr>
          <p:spPr>
            <a:xfrm>
              <a:off x="1257844" y="4278269"/>
              <a:ext cx="262854" cy="161661"/>
            </a:xfrm>
            <a:custGeom>
              <a:avLst/>
              <a:gdLst>
                <a:gd name="connsiteX0" fmla="*/ 262855 w 262854"/>
                <a:gd name="connsiteY0" fmla="*/ 161662 h 161661"/>
                <a:gd name="connsiteX1" fmla="*/ 262855 w 262854"/>
                <a:gd name="connsiteY1" fmla="*/ 0 h 161661"/>
                <a:gd name="connsiteX2" fmla="*/ 0 w 262854"/>
                <a:gd name="connsiteY2" fmla="*/ 0 h 161661"/>
                <a:gd name="connsiteX3" fmla="*/ 0 w 262854"/>
                <a:gd name="connsiteY3" fmla="*/ 161662 h 1616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62854" h="161661">
                  <a:moveTo>
                    <a:pt x="262855" y="161662"/>
                  </a:moveTo>
                  <a:lnTo>
                    <a:pt x="262855" y="0"/>
                  </a:lnTo>
                  <a:lnTo>
                    <a:pt x="0" y="0"/>
                  </a:lnTo>
                  <a:lnTo>
                    <a:pt x="0" y="161662"/>
                  </a:lnTo>
                </a:path>
              </a:pathLst>
            </a:custGeom>
            <a:noFill/>
            <a:ln w="25400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6" name="Freeform: Shape 55">
              <a:extLst>
                <a:ext uri="{FF2B5EF4-FFF2-40B4-BE49-F238E27FC236}">
                  <a16:creationId xmlns:a16="http://schemas.microsoft.com/office/drawing/2014/main" id="{9AE6E04D-6593-2E2C-1311-ABD84DB6F8B6}"/>
                </a:ext>
              </a:extLst>
            </p:cNvPr>
            <p:cNvSpPr/>
            <p:nvPr/>
          </p:nvSpPr>
          <p:spPr>
            <a:xfrm>
              <a:off x="1019670" y="3946307"/>
              <a:ext cx="740435" cy="493624"/>
            </a:xfrm>
            <a:custGeom>
              <a:avLst/>
              <a:gdLst>
                <a:gd name="connsiteX0" fmla="*/ 0 w 740435"/>
                <a:gd name="connsiteY0" fmla="*/ 0 h 493624"/>
                <a:gd name="connsiteX1" fmla="*/ 740436 w 740435"/>
                <a:gd name="connsiteY1" fmla="*/ 0 h 493624"/>
                <a:gd name="connsiteX2" fmla="*/ 740436 w 740435"/>
                <a:gd name="connsiteY2" fmla="*/ 493624 h 493624"/>
                <a:gd name="connsiteX3" fmla="*/ 0 w 740435"/>
                <a:gd name="connsiteY3" fmla="*/ 493624 h 4936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740435" h="493624">
                  <a:moveTo>
                    <a:pt x="0" y="0"/>
                  </a:moveTo>
                  <a:lnTo>
                    <a:pt x="740436" y="0"/>
                  </a:lnTo>
                  <a:lnTo>
                    <a:pt x="740436" y="493624"/>
                  </a:lnTo>
                  <a:lnTo>
                    <a:pt x="0" y="493624"/>
                  </a:lnTo>
                  <a:close/>
                </a:path>
              </a:pathLst>
            </a:custGeom>
            <a:noFill/>
            <a:ln w="25400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FE08BE5C-79EF-99EE-7F2C-231C70DC3948}"/>
                </a:ext>
              </a:extLst>
            </p:cNvPr>
            <p:cNvSpPr/>
            <p:nvPr/>
          </p:nvSpPr>
          <p:spPr>
            <a:xfrm>
              <a:off x="1029543" y="3946307"/>
              <a:ext cx="730563" cy="12340"/>
            </a:xfrm>
            <a:custGeom>
              <a:avLst/>
              <a:gdLst>
                <a:gd name="connsiteX0" fmla="*/ 0 w 730563"/>
                <a:gd name="connsiteY0" fmla="*/ 0 h 12340"/>
                <a:gd name="connsiteX1" fmla="*/ 730563 w 730563"/>
                <a:gd name="connsiteY1" fmla="*/ 0 h 123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730563" h="12340">
                  <a:moveTo>
                    <a:pt x="0" y="0"/>
                  </a:moveTo>
                  <a:lnTo>
                    <a:pt x="730563" y="0"/>
                  </a:lnTo>
                </a:path>
              </a:pathLst>
            </a:custGeom>
            <a:ln w="25400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8" name="Freeform: Shape 57">
              <a:extLst>
                <a:ext uri="{FF2B5EF4-FFF2-40B4-BE49-F238E27FC236}">
                  <a16:creationId xmlns:a16="http://schemas.microsoft.com/office/drawing/2014/main" id="{5092EA26-5B1F-F7C5-9F7A-44E6E7506839}"/>
                </a:ext>
              </a:extLst>
            </p:cNvPr>
            <p:cNvSpPr/>
            <p:nvPr/>
          </p:nvSpPr>
          <p:spPr>
            <a:xfrm>
              <a:off x="1029543" y="4046265"/>
              <a:ext cx="730563" cy="12340"/>
            </a:xfrm>
            <a:custGeom>
              <a:avLst/>
              <a:gdLst>
                <a:gd name="connsiteX0" fmla="*/ 0 w 730563"/>
                <a:gd name="connsiteY0" fmla="*/ 0 h 12340"/>
                <a:gd name="connsiteX1" fmla="*/ 730563 w 730563"/>
                <a:gd name="connsiteY1" fmla="*/ 0 h 123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730563" h="12340">
                  <a:moveTo>
                    <a:pt x="0" y="0"/>
                  </a:moveTo>
                  <a:lnTo>
                    <a:pt x="730563" y="0"/>
                  </a:lnTo>
                </a:path>
              </a:pathLst>
            </a:custGeom>
            <a:ln w="25400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9" name="Freeform: Shape 58">
              <a:extLst>
                <a:ext uri="{FF2B5EF4-FFF2-40B4-BE49-F238E27FC236}">
                  <a16:creationId xmlns:a16="http://schemas.microsoft.com/office/drawing/2014/main" id="{0E010DAB-E574-1B95-056C-3695E41AFBCB}"/>
                </a:ext>
              </a:extLst>
            </p:cNvPr>
            <p:cNvSpPr/>
            <p:nvPr/>
          </p:nvSpPr>
          <p:spPr>
            <a:xfrm>
              <a:off x="1029543" y="4179544"/>
              <a:ext cx="730563" cy="12340"/>
            </a:xfrm>
            <a:custGeom>
              <a:avLst/>
              <a:gdLst>
                <a:gd name="connsiteX0" fmla="*/ 0 w 730563"/>
                <a:gd name="connsiteY0" fmla="*/ 0 h 12340"/>
                <a:gd name="connsiteX1" fmla="*/ 730563 w 730563"/>
                <a:gd name="connsiteY1" fmla="*/ 0 h 123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730563" h="12340">
                  <a:moveTo>
                    <a:pt x="0" y="0"/>
                  </a:moveTo>
                  <a:lnTo>
                    <a:pt x="730563" y="0"/>
                  </a:lnTo>
                </a:path>
              </a:pathLst>
            </a:custGeom>
            <a:ln w="25400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0" name="Freeform: Shape 59">
              <a:extLst>
                <a:ext uri="{FF2B5EF4-FFF2-40B4-BE49-F238E27FC236}">
                  <a16:creationId xmlns:a16="http://schemas.microsoft.com/office/drawing/2014/main" id="{96DA549B-9CA5-78BC-A3E3-59EFB0B58A33}"/>
                </a:ext>
              </a:extLst>
            </p:cNvPr>
            <p:cNvSpPr/>
            <p:nvPr/>
          </p:nvSpPr>
          <p:spPr>
            <a:xfrm>
              <a:off x="1091246" y="3875965"/>
              <a:ext cx="594816" cy="65405"/>
            </a:xfrm>
            <a:custGeom>
              <a:avLst/>
              <a:gdLst>
                <a:gd name="connsiteX0" fmla="*/ 594817 w 594816"/>
                <a:gd name="connsiteY0" fmla="*/ 65405 h 65405"/>
                <a:gd name="connsiteX1" fmla="*/ 594817 w 594816"/>
                <a:gd name="connsiteY1" fmla="*/ 0 h 65405"/>
                <a:gd name="connsiteX2" fmla="*/ 0 w 594816"/>
                <a:gd name="connsiteY2" fmla="*/ 0 h 65405"/>
                <a:gd name="connsiteX3" fmla="*/ 0 w 594816"/>
                <a:gd name="connsiteY3" fmla="*/ 65405 h 6540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94816" h="65405">
                  <a:moveTo>
                    <a:pt x="594817" y="65405"/>
                  </a:moveTo>
                  <a:lnTo>
                    <a:pt x="594817" y="0"/>
                  </a:lnTo>
                  <a:lnTo>
                    <a:pt x="0" y="0"/>
                  </a:lnTo>
                  <a:lnTo>
                    <a:pt x="0" y="65405"/>
                  </a:lnTo>
                </a:path>
              </a:pathLst>
            </a:custGeom>
            <a:noFill/>
            <a:ln w="25400" cap="flat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1" name="Freeform: Shape 60">
              <a:extLst>
                <a:ext uri="{FF2B5EF4-FFF2-40B4-BE49-F238E27FC236}">
                  <a16:creationId xmlns:a16="http://schemas.microsoft.com/office/drawing/2014/main" id="{E23F1EF7-962D-F4CD-4EB5-FAF49306355D}"/>
                </a:ext>
              </a:extLst>
            </p:cNvPr>
            <p:cNvSpPr/>
            <p:nvPr/>
          </p:nvSpPr>
          <p:spPr>
            <a:xfrm>
              <a:off x="1303504" y="4084521"/>
              <a:ext cx="174002" cy="54298"/>
            </a:xfrm>
            <a:custGeom>
              <a:avLst/>
              <a:gdLst>
                <a:gd name="connsiteX0" fmla="*/ 151789 w 174002"/>
                <a:gd name="connsiteY0" fmla="*/ 50596 h 54298"/>
                <a:gd name="connsiteX1" fmla="*/ 146853 w 174002"/>
                <a:gd name="connsiteY1" fmla="*/ 54299 h 54298"/>
                <a:gd name="connsiteX2" fmla="*/ 134513 w 174002"/>
                <a:gd name="connsiteY2" fmla="*/ 54299 h 54298"/>
                <a:gd name="connsiteX3" fmla="*/ 129576 w 174002"/>
                <a:gd name="connsiteY3" fmla="*/ 51831 h 54298"/>
                <a:gd name="connsiteX4" fmla="*/ 113534 w 174002"/>
                <a:gd name="connsiteY4" fmla="*/ 18511 h 54298"/>
                <a:gd name="connsiteX5" fmla="*/ 106129 w 174002"/>
                <a:gd name="connsiteY5" fmla="*/ 14809 h 54298"/>
                <a:gd name="connsiteX6" fmla="*/ 76512 w 174002"/>
                <a:gd name="connsiteY6" fmla="*/ 14809 h 54298"/>
                <a:gd name="connsiteX7" fmla="*/ 72810 w 174002"/>
                <a:gd name="connsiteY7" fmla="*/ 18511 h 54298"/>
                <a:gd name="connsiteX8" fmla="*/ 77746 w 174002"/>
                <a:gd name="connsiteY8" fmla="*/ 22213 h 54298"/>
                <a:gd name="connsiteX9" fmla="*/ 97491 w 174002"/>
                <a:gd name="connsiteY9" fmla="*/ 22213 h 54298"/>
                <a:gd name="connsiteX10" fmla="*/ 113534 w 174002"/>
                <a:gd name="connsiteY10" fmla="*/ 38256 h 54298"/>
                <a:gd name="connsiteX11" fmla="*/ 97491 w 174002"/>
                <a:gd name="connsiteY11" fmla="*/ 54299 h 54298"/>
                <a:gd name="connsiteX12" fmla="*/ 71575 w 174002"/>
                <a:gd name="connsiteY12" fmla="*/ 54299 h 54298"/>
                <a:gd name="connsiteX13" fmla="*/ 66639 w 174002"/>
                <a:gd name="connsiteY13" fmla="*/ 49362 h 54298"/>
                <a:gd name="connsiteX14" fmla="*/ 66639 w 174002"/>
                <a:gd name="connsiteY14" fmla="*/ 43192 h 54298"/>
                <a:gd name="connsiteX15" fmla="*/ 67873 w 174002"/>
                <a:gd name="connsiteY15" fmla="*/ 41958 h 54298"/>
                <a:gd name="connsiteX16" fmla="*/ 91320 w 174002"/>
                <a:gd name="connsiteY16" fmla="*/ 41958 h 54298"/>
                <a:gd name="connsiteX17" fmla="*/ 96257 w 174002"/>
                <a:gd name="connsiteY17" fmla="*/ 38256 h 54298"/>
                <a:gd name="connsiteX18" fmla="*/ 92554 w 174002"/>
                <a:gd name="connsiteY18" fmla="*/ 34554 h 54298"/>
                <a:gd name="connsiteX19" fmla="*/ 70341 w 174002"/>
                <a:gd name="connsiteY19" fmla="*/ 34554 h 54298"/>
                <a:gd name="connsiteX20" fmla="*/ 60469 w 174002"/>
                <a:gd name="connsiteY20" fmla="*/ 32086 h 54298"/>
                <a:gd name="connsiteX21" fmla="*/ 34554 w 174002"/>
                <a:gd name="connsiteY21" fmla="*/ 54299 h 54298"/>
                <a:gd name="connsiteX22" fmla="*/ 2468 w 174002"/>
                <a:gd name="connsiteY22" fmla="*/ 54299 h 54298"/>
                <a:gd name="connsiteX23" fmla="*/ 1234 w 174002"/>
                <a:gd name="connsiteY23" fmla="*/ 53065 h 54298"/>
                <a:gd name="connsiteX24" fmla="*/ 1234 w 174002"/>
                <a:gd name="connsiteY24" fmla="*/ 24681 h 54298"/>
                <a:gd name="connsiteX25" fmla="*/ 2468 w 174002"/>
                <a:gd name="connsiteY25" fmla="*/ 23447 h 54298"/>
                <a:gd name="connsiteX26" fmla="*/ 12341 w 174002"/>
                <a:gd name="connsiteY26" fmla="*/ 23447 h 54298"/>
                <a:gd name="connsiteX27" fmla="*/ 17277 w 174002"/>
                <a:gd name="connsiteY27" fmla="*/ 27149 h 54298"/>
                <a:gd name="connsiteX28" fmla="*/ 17277 w 174002"/>
                <a:gd name="connsiteY28" fmla="*/ 41958 h 54298"/>
                <a:gd name="connsiteX29" fmla="*/ 17277 w 174002"/>
                <a:gd name="connsiteY29" fmla="*/ 41958 h 54298"/>
                <a:gd name="connsiteX30" fmla="*/ 18511 w 174002"/>
                <a:gd name="connsiteY30" fmla="*/ 43192 h 54298"/>
                <a:gd name="connsiteX31" fmla="*/ 28383 w 174002"/>
                <a:gd name="connsiteY31" fmla="*/ 43192 h 54298"/>
                <a:gd name="connsiteX32" fmla="*/ 43192 w 174002"/>
                <a:gd name="connsiteY32" fmla="*/ 28383 h 54298"/>
                <a:gd name="connsiteX33" fmla="*/ 28383 w 174002"/>
                <a:gd name="connsiteY33" fmla="*/ 13575 h 54298"/>
                <a:gd name="connsiteX34" fmla="*/ 1234 w 174002"/>
                <a:gd name="connsiteY34" fmla="*/ 13575 h 54298"/>
                <a:gd name="connsiteX35" fmla="*/ 0 w 174002"/>
                <a:gd name="connsiteY35" fmla="*/ 12341 h 54298"/>
                <a:gd name="connsiteX36" fmla="*/ 0 w 174002"/>
                <a:gd name="connsiteY36" fmla="*/ 6170 h 54298"/>
                <a:gd name="connsiteX37" fmla="*/ 4936 w 174002"/>
                <a:gd name="connsiteY37" fmla="*/ 1234 h 54298"/>
                <a:gd name="connsiteX38" fmla="*/ 34554 w 174002"/>
                <a:gd name="connsiteY38" fmla="*/ 1234 h 54298"/>
                <a:gd name="connsiteX39" fmla="*/ 55533 w 174002"/>
                <a:gd name="connsiteY39" fmla="*/ 9872 h 54298"/>
                <a:gd name="connsiteX40" fmla="*/ 70341 w 174002"/>
                <a:gd name="connsiteY40" fmla="*/ 1234 h 54298"/>
                <a:gd name="connsiteX41" fmla="*/ 113534 w 174002"/>
                <a:gd name="connsiteY41" fmla="*/ 1234 h 54298"/>
                <a:gd name="connsiteX42" fmla="*/ 128342 w 174002"/>
                <a:gd name="connsiteY42" fmla="*/ 8638 h 54298"/>
                <a:gd name="connsiteX43" fmla="*/ 141917 w 174002"/>
                <a:gd name="connsiteY43" fmla="*/ 37022 h 54298"/>
                <a:gd name="connsiteX44" fmla="*/ 143151 w 174002"/>
                <a:gd name="connsiteY44" fmla="*/ 37022 h 54298"/>
                <a:gd name="connsiteX45" fmla="*/ 144385 w 174002"/>
                <a:gd name="connsiteY45" fmla="*/ 37022 h 54298"/>
                <a:gd name="connsiteX46" fmla="*/ 161662 w 174002"/>
                <a:gd name="connsiteY46" fmla="*/ 1234 h 54298"/>
                <a:gd name="connsiteX47" fmla="*/ 162896 w 174002"/>
                <a:gd name="connsiteY47" fmla="*/ 0 h 54298"/>
                <a:gd name="connsiteX48" fmla="*/ 172768 w 174002"/>
                <a:gd name="connsiteY48" fmla="*/ 0 h 54298"/>
                <a:gd name="connsiteX49" fmla="*/ 174002 w 174002"/>
                <a:gd name="connsiteY49" fmla="*/ 1234 h 54298"/>
                <a:gd name="connsiteX50" fmla="*/ 174002 w 174002"/>
                <a:gd name="connsiteY50" fmla="*/ 2468 h 54298"/>
                <a:gd name="connsiteX51" fmla="*/ 151789 w 174002"/>
                <a:gd name="connsiteY51" fmla="*/ 50596 h 542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</a:cxnLst>
              <a:rect l="l" t="t" r="r" b="b"/>
              <a:pathLst>
                <a:path w="174002" h="54298">
                  <a:moveTo>
                    <a:pt x="151789" y="50596"/>
                  </a:moveTo>
                  <a:cubicBezTo>
                    <a:pt x="151789" y="51831"/>
                    <a:pt x="149321" y="54299"/>
                    <a:pt x="146853" y="54299"/>
                  </a:cubicBezTo>
                  <a:lnTo>
                    <a:pt x="134513" y="54299"/>
                  </a:lnTo>
                  <a:cubicBezTo>
                    <a:pt x="132044" y="54299"/>
                    <a:pt x="129576" y="51831"/>
                    <a:pt x="129576" y="51831"/>
                  </a:cubicBezTo>
                  <a:lnTo>
                    <a:pt x="113534" y="18511"/>
                  </a:lnTo>
                  <a:cubicBezTo>
                    <a:pt x="112299" y="14809"/>
                    <a:pt x="108597" y="14809"/>
                    <a:pt x="106129" y="14809"/>
                  </a:cubicBezTo>
                  <a:lnTo>
                    <a:pt x="76512" y="14809"/>
                  </a:lnTo>
                  <a:cubicBezTo>
                    <a:pt x="74044" y="14809"/>
                    <a:pt x="72810" y="16043"/>
                    <a:pt x="72810" y="18511"/>
                  </a:cubicBezTo>
                  <a:cubicBezTo>
                    <a:pt x="72810" y="20979"/>
                    <a:pt x="74044" y="22213"/>
                    <a:pt x="77746" y="22213"/>
                  </a:cubicBezTo>
                  <a:lnTo>
                    <a:pt x="97491" y="22213"/>
                  </a:lnTo>
                  <a:cubicBezTo>
                    <a:pt x="106129" y="22213"/>
                    <a:pt x="113534" y="27149"/>
                    <a:pt x="113534" y="38256"/>
                  </a:cubicBezTo>
                  <a:cubicBezTo>
                    <a:pt x="113534" y="49362"/>
                    <a:pt x="106129" y="54299"/>
                    <a:pt x="97491" y="54299"/>
                  </a:cubicBezTo>
                  <a:lnTo>
                    <a:pt x="71575" y="54299"/>
                  </a:lnTo>
                  <a:cubicBezTo>
                    <a:pt x="69107" y="54299"/>
                    <a:pt x="66639" y="53065"/>
                    <a:pt x="66639" y="49362"/>
                  </a:cubicBezTo>
                  <a:lnTo>
                    <a:pt x="66639" y="43192"/>
                  </a:lnTo>
                  <a:cubicBezTo>
                    <a:pt x="66639" y="41958"/>
                    <a:pt x="67873" y="41958"/>
                    <a:pt x="67873" y="41958"/>
                  </a:cubicBezTo>
                  <a:lnTo>
                    <a:pt x="91320" y="41958"/>
                  </a:lnTo>
                  <a:cubicBezTo>
                    <a:pt x="93789" y="41958"/>
                    <a:pt x="96257" y="40724"/>
                    <a:pt x="96257" y="38256"/>
                  </a:cubicBezTo>
                  <a:cubicBezTo>
                    <a:pt x="96257" y="35788"/>
                    <a:pt x="93789" y="34554"/>
                    <a:pt x="92554" y="34554"/>
                  </a:cubicBezTo>
                  <a:lnTo>
                    <a:pt x="70341" y="34554"/>
                  </a:lnTo>
                  <a:cubicBezTo>
                    <a:pt x="66639" y="34554"/>
                    <a:pt x="62937" y="33320"/>
                    <a:pt x="60469" y="32086"/>
                  </a:cubicBezTo>
                  <a:cubicBezTo>
                    <a:pt x="59235" y="45660"/>
                    <a:pt x="49362" y="54299"/>
                    <a:pt x="34554" y="54299"/>
                  </a:cubicBezTo>
                  <a:lnTo>
                    <a:pt x="2468" y="54299"/>
                  </a:lnTo>
                  <a:cubicBezTo>
                    <a:pt x="1234" y="54299"/>
                    <a:pt x="1234" y="54299"/>
                    <a:pt x="1234" y="53065"/>
                  </a:cubicBezTo>
                  <a:lnTo>
                    <a:pt x="1234" y="24681"/>
                  </a:lnTo>
                  <a:cubicBezTo>
                    <a:pt x="1234" y="23447"/>
                    <a:pt x="2468" y="23447"/>
                    <a:pt x="2468" y="23447"/>
                  </a:cubicBezTo>
                  <a:lnTo>
                    <a:pt x="12341" y="23447"/>
                  </a:lnTo>
                  <a:cubicBezTo>
                    <a:pt x="14809" y="23447"/>
                    <a:pt x="17277" y="25915"/>
                    <a:pt x="17277" y="27149"/>
                  </a:cubicBezTo>
                  <a:lnTo>
                    <a:pt x="17277" y="41958"/>
                  </a:lnTo>
                  <a:lnTo>
                    <a:pt x="17277" y="41958"/>
                  </a:lnTo>
                  <a:cubicBezTo>
                    <a:pt x="17277" y="43192"/>
                    <a:pt x="18511" y="43192"/>
                    <a:pt x="18511" y="43192"/>
                  </a:cubicBezTo>
                  <a:cubicBezTo>
                    <a:pt x="20979" y="43192"/>
                    <a:pt x="28383" y="43192"/>
                    <a:pt x="28383" y="43192"/>
                  </a:cubicBezTo>
                  <a:cubicBezTo>
                    <a:pt x="35788" y="43192"/>
                    <a:pt x="43192" y="38256"/>
                    <a:pt x="43192" y="28383"/>
                  </a:cubicBezTo>
                  <a:cubicBezTo>
                    <a:pt x="43192" y="18511"/>
                    <a:pt x="37022" y="13575"/>
                    <a:pt x="28383" y="13575"/>
                  </a:cubicBezTo>
                  <a:lnTo>
                    <a:pt x="1234" y="13575"/>
                  </a:lnTo>
                  <a:cubicBezTo>
                    <a:pt x="0" y="13575"/>
                    <a:pt x="0" y="13575"/>
                    <a:pt x="0" y="12341"/>
                  </a:cubicBezTo>
                  <a:lnTo>
                    <a:pt x="0" y="6170"/>
                  </a:lnTo>
                  <a:cubicBezTo>
                    <a:pt x="0" y="2468"/>
                    <a:pt x="2468" y="1234"/>
                    <a:pt x="4936" y="1234"/>
                  </a:cubicBezTo>
                  <a:lnTo>
                    <a:pt x="34554" y="1234"/>
                  </a:lnTo>
                  <a:cubicBezTo>
                    <a:pt x="43192" y="1234"/>
                    <a:pt x="50596" y="4936"/>
                    <a:pt x="55533" y="9872"/>
                  </a:cubicBezTo>
                  <a:cubicBezTo>
                    <a:pt x="58001" y="3702"/>
                    <a:pt x="62937" y="1234"/>
                    <a:pt x="70341" y="1234"/>
                  </a:cubicBezTo>
                  <a:lnTo>
                    <a:pt x="113534" y="1234"/>
                  </a:lnTo>
                  <a:cubicBezTo>
                    <a:pt x="118470" y="1234"/>
                    <a:pt x="124640" y="2468"/>
                    <a:pt x="128342" y="8638"/>
                  </a:cubicBezTo>
                  <a:lnTo>
                    <a:pt x="141917" y="37022"/>
                  </a:lnTo>
                  <a:cubicBezTo>
                    <a:pt x="141917" y="37022"/>
                    <a:pt x="141917" y="37022"/>
                    <a:pt x="143151" y="37022"/>
                  </a:cubicBezTo>
                  <a:cubicBezTo>
                    <a:pt x="143151" y="37022"/>
                    <a:pt x="144385" y="37022"/>
                    <a:pt x="144385" y="37022"/>
                  </a:cubicBezTo>
                  <a:cubicBezTo>
                    <a:pt x="144385" y="37022"/>
                    <a:pt x="161662" y="1234"/>
                    <a:pt x="161662" y="1234"/>
                  </a:cubicBezTo>
                  <a:cubicBezTo>
                    <a:pt x="161662" y="1234"/>
                    <a:pt x="161662" y="0"/>
                    <a:pt x="162896" y="0"/>
                  </a:cubicBezTo>
                  <a:lnTo>
                    <a:pt x="172768" y="0"/>
                  </a:lnTo>
                  <a:cubicBezTo>
                    <a:pt x="174002" y="0"/>
                    <a:pt x="174002" y="0"/>
                    <a:pt x="174002" y="1234"/>
                  </a:cubicBezTo>
                  <a:cubicBezTo>
                    <a:pt x="174002" y="1234"/>
                    <a:pt x="174002" y="1234"/>
                    <a:pt x="174002" y="2468"/>
                  </a:cubicBezTo>
                  <a:lnTo>
                    <a:pt x="151789" y="50596"/>
                  </a:lnTo>
                  <a:close/>
                </a:path>
              </a:pathLst>
            </a:custGeom>
            <a:solidFill>
              <a:schemeClr val="bg1"/>
            </a:solidFill>
            <a:ln w="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pic>
        <p:nvPicPr>
          <p:cNvPr id="62" name="Graphic 61">
            <a:extLst>
              <a:ext uri="{FF2B5EF4-FFF2-40B4-BE49-F238E27FC236}">
                <a16:creationId xmlns:a16="http://schemas.microsoft.com/office/drawing/2014/main" id="{D6960992-D421-F17C-0561-6B87A47CDDD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649955" y="3704590"/>
            <a:ext cx="213048" cy="64676"/>
          </a:xfrm>
          <a:prstGeom prst="rect">
            <a:avLst/>
          </a:prstGeom>
        </p:spPr>
      </p:pic>
      <p:pic>
        <p:nvPicPr>
          <p:cNvPr id="63" name="Picture 62">
            <a:extLst>
              <a:ext uri="{FF2B5EF4-FFF2-40B4-BE49-F238E27FC236}">
                <a16:creationId xmlns:a16="http://schemas.microsoft.com/office/drawing/2014/main" id="{1BF9CAF3-2682-375F-DA28-920740A1151F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9249" r="13774" b="16204"/>
          <a:stretch/>
        </p:blipFill>
        <p:spPr>
          <a:xfrm>
            <a:off x="7304480" y="4190933"/>
            <a:ext cx="542923" cy="528316"/>
          </a:xfrm>
          <a:prstGeom prst="rect">
            <a:avLst/>
          </a:prstGeom>
        </p:spPr>
      </p:pic>
      <p:grpSp>
        <p:nvGrpSpPr>
          <p:cNvPr id="64" name="Group 63">
            <a:extLst>
              <a:ext uri="{FF2B5EF4-FFF2-40B4-BE49-F238E27FC236}">
                <a16:creationId xmlns:a16="http://schemas.microsoft.com/office/drawing/2014/main" id="{61B28E6E-DC71-22C5-79AC-0F1D450785FB}"/>
              </a:ext>
            </a:extLst>
          </p:cNvPr>
          <p:cNvGrpSpPr/>
          <p:nvPr/>
        </p:nvGrpSpPr>
        <p:grpSpPr>
          <a:xfrm>
            <a:off x="8103360" y="4397328"/>
            <a:ext cx="2686194" cy="1361596"/>
            <a:chOff x="8365506" y="4673366"/>
            <a:chExt cx="2686193" cy="1361596"/>
          </a:xfrm>
        </p:grpSpPr>
        <p:pic>
          <p:nvPicPr>
            <p:cNvPr id="65" name="Picture 64" descr="Graphical user interface&#10;&#10;Description automatically generated">
              <a:extLst>
                <a:ext uri="{FF2B5EF4-FFF2-40B4-BE49-F238E27FC236}">
                  <a16:creationId xmlns:a16="http://schemas.microsoft.com/office/drawing/2014/main" id="{C10760F4-F59C-92A1-54EB-F2850C1B279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8365506" y="4673366"/>
              <a:ext cx="2686193" cy="1361596"/>
            </a:xfrm>
            <a:prstGeom prst="rect">
              <a:avLst/>
            </a:prstGeom>
          </p:spPr>
        </p:pic>
        <p:sp>
          <p:nvSpPr>
            <p:cNvPr id="66" name="Rectangle 65">
              <a:extLst>
                <a:ext uri="{FF2B5EF4-FFF2-40B4-BE49-F238E27FC236}">
                  <a16:creationId xmlns:a16="http://schemas.microsoft.com/office/drawing/2014/main" id="{04EEE64D-693A-B3C8-973C-6359F36E0805}"/>
                </a:ext>
              </a:extLst>
            </p:cNvPr>
            <p:cNvSpPr/>
            <p:nvPr/>
          </p:nvSpPr>
          <p:spPr>
            <a:xfrm>
              <a:off x="9272004" y="5139566"/>
              <a:ext cx="422065" cy="439200"/>
            </a:xfrm>
            <a:prstGeom prst="rect">
              <a:avLst/>
            </a:prstGeom>
            <a:solidFill>
              <a:schemeClr val="accent2">
                <a:lumMod val="50000"/>
                <a:alpha val="92000"/>
              </a:schemeClr>
            </a:solidFill>
            <a:ln>
              <a:noFill/>
            </a:ln>
            <a:effectLst>
              <a:outerShdw blurRad="50800" dist="50800" dir="5400000" sx="1000" sy="1000" algn="ctr" rotWithShape="0">
                <a:srgbClr val="000000"/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2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7" name="Rectangle 66">
              <a:extLst>
                <a:ext uri="{FF2B5EF4-FFF2-40B4-BE49-F238E27FC236}">
                  <a16:creationId xmlns:a16="http://schemas.microsoft.com/office/drawing/2014/main" id="{AA6FCDED-70B2-34F3-5D6B-B098EFAF7E6C}"/>
                </a:ext>
              </a:extLst>
            </p:cNvPr>
            <p:cNvSpPr/>
            <p:nvPr/>
          </p:nvSpPr>
          <p:spPr>
            <a:xfrm>
              <a:off x="9726823" y="4673366"/>
              <a:ext cx="422065" cy="432000"/>
            </a:xfrm>
            <a:prstGeom prst="rect">
              <a:avLst/>
            </a:prstGeom>
            <a:solidFill>
              <a:schemeClr val="accent2">
                <a:lumMod val="50000"/>
                <a:alpha val="92000"/>
              </a:schemeClr>
            </a:solidFill>
            <a:ln>
              <a:noFill/>
            </a:ln>
            <a:effectLst>
              <a:outerShdw blurRad="228600" dist="50800" dir="5400000" sx="1000" sy="1000" algn="ctr" rotWithShape="0">
                <a:schemeClr val="accent1"/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2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sp>
        <p:nvSpPr>
          <p:cNvPr id="68" name="Rectangle 220">
            <a:extLst>
              <a:ext uri="{FF2B5EF4-FFF2-40B4-BE49-F238E27FC236}">
                <a16:creationId xmlns:a16="http://schemas.microsoft.com/office/drawing/2014/main" id="{90344E77-A9C1-6D14-957B-92E94838B56B}"/>
              </a:ext>
            </a:extLst>
          </p:cNvPr>
          <p:cNvSpPr>
            <a:spLocks/>
          </p:cNvSpPr>
          <p:nvPr/>
        </p:nvSpPr>
        <p:spPr>
          <a:xfrm>
            <a:off x="8072212" y="4024649"/>
            <a:ext cx="2867835" cy="684796"/>
          </a:xfrm>
          <a:prstGeom prst="rect">
            <a:avLst/>
          </a:prstGeom>
        </p:spPr>
        <p:txBody>
          <a:bodyPr wrap="square" lIns="36000" tIns="36000" rIns="36000" bIns="0" anchor="t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Segoe UI" panose="020B0502040204020203" pitchFamily="34" charset="0"/>
              </a:rPr>
              <a:t>UN Global Compact &amp; SDG</a:t>
            </a:r>
          </a:p>
        </p:txBody>
      </p:sp>
      <p:sp>
        <p:nvSpPr>
          <p:cNvPr id="69" name="Rectangle 220">
            <a:extLst>
              <a:ext uri="{FF2B5EF4-FFF2-40B4-BE49-F238E27FC236}">
                <a16:creationId xmlns:a16="http://schemas.microsoft.com/office/drawing/2014/main" id="{35491473-7DAA-A51E-3BF2-77C3FC86CD93}"/>
              </a:ext>
            </a:extLst>
          </p:cNvPr>
          <p:cNvSpPr/>
          <p:nvPr/>
        </p:nvSpPr>
        <p:spPr>
          <a:xfrm>
            <a:off x="8072214" y="2580433"/>
            <a:ext cx="2301510" cy="723319"/>
          </a:xfrm>
          <a:prstGeom prst="rect">
            <a:avLst/>
          </a:prstGeom>
        </p:spPr>
        <p:txBody>
          <a:bodyPr wrap="square" lIns="36000" tIns="36000" rIns="36000" bIns="0" anchor="t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Segoe UI"/>
              </a:rPr>
              <a:t>A3</a:t>
            </a:r>
            <a:r>
              <a:rPr kumimoji="0" lang="en-GB" altLang="en-US" sz="1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Arial" charset="0"/>
              </a:rPr>
              <a:t> </a:t>
            </a:r>
            <a:r>
              <a:rPr kumimoji="0" lang="en-GB" altLang="en-US" sz="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Arial" charset="0"/>
              </a:rPr>
              <a:t>(Stable) by Moody’s</a:t>
            </a:r>
            <a:endParaRPr kumimoji="0" lang="en-GB" altLang="en-US" sz="10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  <a:sym typeface="Arial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altLang="en-US" sz="16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Segoe UI"/>
              </a:rPr>
              <a:t>A-</a:t>
            </a:r>
            <a:r>
              <a:rPr kumimoji="0" lang="en-GB" altLang="en-US" sz="2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 </a:t>
            </a:r>
            <a:r>
              <a:rPr kumimoji="0" lang="en-GB" altLang="en-US" sz="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(Stable) by Standard &amp; Poor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altLang="en-US" sz="10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grpSp>
        <p:nvGrpSpPr>
          <p:cNvPr id="70" name="Graphic 99">
            <a:extLst>
              <a:ext uri="{FF2B5EF4-FFF2-40B4-BE49-F238E27FC236}">
                <a16:creationId xmlns:a16="http://schemas.microsoft.com/office/drawing/2014/main" id="{0F1F999B-34D3-CE51-3220-70C2D788E3BC}"/>
              </a:ext>
            </a:extLst>
          </p:cNvPr>
          <p:cNvGrpSpPr/>
          <p:nvPr/>
        </p:nvGrpSpPr>
        <p:grpSpPr>
          <a:xfrm>
            <a:off x="7357880" y="2651716"/>
            <a:ext cx="461938" cy="461940"/>
            <a:chOff x="7580547" y="3498371"/>
            <a:chExt cx="438150" cy="438150"/>
          </a:xfrm>
        </p:grpSpPr>
        <p:sp>
          <p:nvSpPr>
            <p:cNvPr id="71" name="Freeform: Shape 70">
              <a:extLst>
                <a:ext uri="{FF2B5EF4-FFF2-40B4-BE49-F238E27FC236}">
                  <a16:creationId xmlns:a16="http://schemas.microsoft.com/office/drawing/2014/main" id="{1FCBBB03-204C-1F6D-357F-02407392162D}"/>
                </a:ext>
              </a:extLst>
            </p:cNvPr>
            <p:cNvSpPr/>
            <p:nvPr/>
          </p:nvSpPr>
          <p:spPr>
            <a:xfrm>
              <a:off x="7628172" y="3622196"/>
              <a:ext cx="66675" cy="209550"/>
            </a:xfrm>
            <a:custGeom>
              <a:avLst/>
              <a:gdLst>
                <a:gd name="connsiteX0" fmla="*/ 0 w 66675"/>
                <a:gd name="connsiteY0" fmla="*/ 209550 h 209550"/>
                <a:gd name="connsiteX1" fmla="*/ 0 w 66675"/>
                <a:gd name="connsiteY1" fmla="*/ 0 h 209550"/>
                <a:gd name="connsiteX2" fmla="*/ 66675 w 66675"/>
                <a:gd name="connsiteY2" fmla="*/ 0 h 209550"/>
                <a:gd name="connsiteX3" fmla="*/ 66675 w 66675"/>
                <a:gd name="connsiteY3" fmla="*/ 209550 h 2095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675" h="209550">
                  <a:moveTo>
                    <a:pt x="0" y="209550"/>
                  </a:moveTo>
                  <a:lnTo>
                    <a:pt x="0" y="0"/>
                  </a:lnTo>
                  <a:lnTo>
                    <a:pt x="66675" y="0"/>
                  </a:lnTo>
                  <a:lnTo>
                    <a:pt x="66675" y="209550"/>
                  </a:lnTo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72" name="Freeform: Shape 71">
              <a:extLst>
                <a:ext uri="{FF2B5EF4-FFF2-40B4-BE49-F238E27FC236}">
                  <a16:creationId xmlns:a16="http://schemas.microsoft.com/office/drawing/2014/main" id="{500A95A1-A825-8281-81A4-D03DFFE06FA2}"/>
                </a:ext>
              </a:extLst>
            </p:cNvPr>
            <p:cNvSpPr/>
            <p:nvPr/>
          </p:nvSpPr>
          <p:spPr>
            <a:xfrm>
              <a:off x="7732947" y="3565046"/>
              <a:ext cx="66675" cy="266700"/>
            </a:xfrm>
            <a:custGeom>
              <a:avLst/>
              <a:gdLst>
                <a:gd name="connsiteX0" fmla="*/ 0 w 66675"/>
                <a:gd name="connsiteY0" fmla="*/ 266700 h 266700"/>
                <a:gd name="connsiteX1" fmla="*/ 0 w 66675"/>
                <a:gd name="connsiteY1" fmla="*/ 0 h 266700"/>
                <a:gd name="connsiteX2" fmla="*/ 66675 w 66675"/>
                <a:gd name="connsiteY2" fmla="*/ 0 h 266700"/>
                <a:gd name="connsiteX3" fmla="*/ 66675 w 66675"/>
                <a:gd name="connsiteY3" fmla="*/ 114300 h 2667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675" h="266700">
                  <a:moveTo>
                    <a:pt x="0" y="266700"/>
                  </a:moveTo>
                  <a:lnTo>
                    <a:pt x="0" y="0"/>
                  </a:lnTo>
                  <a:lnTo>
                    <a:pt x="66675" y="0"/>
                  </a:lnTo>
                  <a:lnTo>
                    <a:pt x="66675" y="114300"/>
                  </a:lnTo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73" name="Freeform: Shape 72">
              <a:extLst>
                <a:ext uri="{FF2B5EF4-FFF2-40B4-BE49-F238E27FC236}">
                  <a16:creationId xmlns:a16="http://schemas.microsoft.com/office/drawing/2014/main" id="{AB5BA238-FA60-A79E-3E56-F4B1A3C46DF2}"/>
                </a:ext>
              </a:extLst>
            </p:cNvPr>
            <p:cNvSpPr/>
            <p:nvPr/>
          </p:nvSpPr>
          <p:spPr>
            <a:xfrm>
              <a:off x="7837722" y="3498371"/>
              <a:ext cx="66675" cy="171450"/>
            </a:xfrm>
            <a:custGeom>
              <a:avLst/>
              <a:gdLst>
                <a:gd name="connsiteX0" fmla="*/ 0 w 66675"/>
                <a:gd name="connsiteY0" fmla="*/ 171450 h 171450"/>
                <a:gd name="connsiteX1" fmla="*/ 0 w 66675"/>
                <a:gd name="connsiteY1" fmla="*/ 0 h 171450"/>
                <a:gd name="connsiteX2" fmla="*/ 66675 w 66675"/>
                <a:gd name="connsiteY2" fmla="*/ 0 h 171450"/>
                <a:gd name="connsiteX3" fmla="*/ 66675 w 66675"/>
                <a:gd name="connsiteY3" fmla="*/ 171450 h 1714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675" h="171450">
                  <a:moveTo>
                    <a:pt x="0" y="171450"/>
                  </a:moveTo>
                  <a:lnTo>
                    <a:pt x="0" y="0"/>
                  </a:lnTo>
                  <a:lnTo>
                    <a:pt x="66675" y="0"/>
                  </a:lnTo>
                  <a:lnTo>
                    <a:pt x="66675" y="171450"/>
                  </a:lnTo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74" name="Freeform: Shape 73">
              <a:extLst>
                <a:ext uri="{FF2B5EF4-FFF2-40B4-BE49-F238E27FC236}">
                  <a16:creationId xmlns:a16="http://schemas.microsoft.com/office/drawing/2014/main" id="{BC1AEEDC-6700-8720-1960-1C65B2AA0C4D}"/>
                </a:ext>
              </a:extLst>
            </p:cNvPr>
            <p:cNvSpPr/>
            <p:nvPr/>
          </p:nvSpPr>
          <p:spPr>
            <a:xfrm>
              <a:off x="7580547" y="3850796"/>
              <a:ext cx="171450" cy="9525"/>
            </a:xfrm>
            <a:custGeom>
              <a:avLst/>
              <a:gdLst>
                <a:gd name="connsiteX0" fmla="*/ 171450 w 171450"/>
                <a:gd name="connsiteY0" fmla="*/ 0 h 0"/>
                <a:gd name="connsiteX1" fmla="*/ 0 w 171450"/>
                <a:gd name="connsiteY1" fmla="*/ 0 h 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171450">
                  <a:moveTo>
                    <a:pt x="171450" y="0"/>
                  </a:moveTo>
                  <a:lnTo>
                    <a:pt x="0" y="0"/>
                  </a:lnTo>
                </a:path>
              </a:pathLst>
            </a:custGeom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75" name="Freeform: Shape 74">
              <a:extLst>
                <a:ext uri="{FF2B5EF4-FFF2-40B4-BE49-F238E27FC236}">
                  <a16:creationId xmlns:a16="http://schemas.microsoft.com/office/drawing/2014/main" id="{B68F38A5-F3C4-D9FB-C57F-58AFDF59DB70}"/>
                </a:ext>
              </a:extLst>
            </p:cNvPr>
            <p:cNvSpPr/>
            <p:nvPr/>
          </p:nvSpPr>
          <p:spPr>
            <a:xfrm>
              <a:off x="7771047" y="3688871"/>
              <a:ext cx="247650" cy="247650"/>
            </a:xfrm>
            <a:custGeom>
              <a:avLst/>
              <a:gdLst>
                <a:gd name="connsiteX0" fmla="*/ 247650 w 247650"/>
                <a:gd name="connsiteY0" fmla="*/ 123825 h 247650"/>
                <a:gd name="connsiteX1" fmla="*/ 123825 w 247650"/>
                <a:gd name="connsiteY1" fmla="*/ 247650 h 247650"/>
                <a:gd name="connsiteX2" fmla="*/ 0 w 247650"/>
                <a:gd name="connsiteY2" fmla="*/ 123825 h 247650"/>
                <a:gd name="connsiteX3" fmla="*/ 123825 w 247650"/>
                <a:gd name="connsiteY3" fmla="*/ 0 h 247650"/>
                <a:gd name="connsiteX4" fmla="*/ 247650 w 247650"/>
                <a:gd name="connsiteY4" fmla="*/ 123825 h 2476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47650" h="247650">
                  <a:moveTo>
                    <a:pt x="247650" y="123825"/>
                  </a:moveTo>
                  <a:cubicBezTo>
                    <a:pt x="247650" y="192212"/>
                    <a:pt x="192212" y="247650"/>
                    <a:pt x="123825" y="247650"/>
                  </a:cubicBezTo>
                  <a:cubicBezTo>
                    <a:pt x="55438" y="247650"/>
                    <a:pt x="0" y="192212"/>
                    <a:pt x="0" y="123825"/>
                  </a:cubicBezTo>
                  <a:cubicBezTo>
                    <a:pt x="0" y="55438"/>
                    <a:pt x="55438" y="0"/>
                    <a:pt x="123825" y="0"/>
                  </a:cubicBezTo>
                  <a:cubicBezTo>
                    <a:pt x="192212" y="0"/>
                    <a:pt x="247650" y="55438"/>
                    <a:pt x="247650" y="123825"/>
                  </a:cubicBezTo>
                  <a:close/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76" name="Freeform: Shape 75">
              <a:extLst>
                <a:ext uri="{FF2B5EF4-FFF2-40B4-BE49-F238E27FC236}">
                  <a16:creationId xmlns:a16="http://schemas.microsoft.com/office/drawing/2014/main" id="{8C302E54-6C57-370B-682F-688AF53C2A79}"/>
                </a:ext>
              </a:extLst>
            </p:cNvPr>
            <p:cNvSpPr/>
            <p:nvPr/>
          </p:nvSpPr>
          <p:spPr>
            <a:xfrm>
              <a:off x="7809147" y="3726971"/>
              <a:ext cx="152400" cy="85725"/>
            </a:xfrm>
            <a:custGeom>
              <a:avLst/>
              <a:gdLst>
                <a:gd name="connsiteX0" fmla="*/ 0 w 152400"/>
                <a:gd name="connsiteY0" fmla="*/ 85725 h 85725"/>
                <a:gd name="connsiteX1" fmla="*/ 85725 w 152400"/>
                <a:gd name="connsiteY1" fmla="*/ 0 h 85725"/>
                <a:gd name="connsiteX2" fmla="*/ 138970 w 152400"/>
                <a:gd name="connsiteY2" fmla="*/ 18479 h 85725"/>
                <a:gd name="connsiteX3" fmla="*/ 157353 w 152400"/>
                <a:gd name="connsiteY3" fmla="*/ 38576 h 857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52400" h="85725">
                  <a:moveTo>
                    <a:pt x="0" y="85725"/>
                  </a:moveTo>
                  <a:cubicBezTo>
                    <a:pt x="0" y="38386"/>
                    <a:pt x="38386" y="0"/>
                    <a:pt x="85725" y="0"/>
                  </a:cubicBezTo>
                  <a:cubicBezTo>
                    <a:pt x="105823" y="0"/>
                    <a:pt x="124301" y="6953"/>
                    <a:pt x="138970" y="18479"/>
                  </a:cubicBezTo>
                  <a:cubicBezTo>
                    <a:pt x="146114" y="24098"/>
                    <a:pt x="152305" y="30956"/>
                    <a:pt x="157353" y="38576"/>
                  </a:cubicBezTo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77" name="Freeform: Shape 76">
              <a:extLst>
                <a:ext uri="{FF2B5EF4-FFF2-40B4-BE49-F238E27FC236}">
                  <a16:creationId xmlns:a16="http://schemas.microsoft.com/office/drawing/2014/main" id="{5F0C6D4F-6CCD-3040-941A-0FEE41B4C85E}"/>
                </a:ext>
              </a:extLst>
            </p:cNvPr>
            <p:cNvSpPr/>
            <p:nvPr/>
          </p:nvSpPr>
          <p:spPr>
            <a:xfrm>
              <a:off x="7866297" y="3831746"/>
              <a:ext cx="57150" cy="57150"/>
            </a:xfrm>
            <a:custGeom>
              <a:avLst/>
              <a:gdLst>
                <a:gd name="connsiteX0" fmla="*/ 57150 w 57150"/>
                <a:gd name="connsiteY0" fmla="*/ 28575 h 57150"/>
                <a:gd name="connsiteX1" fmla="*/ 28575 w 57150"/>
                <a:gd name="connsiteY1" fmla="*/ 57150 h 57150"/>
                <a:gd name="connsiteX2" fmla="*/ 0 w 57150"/>
                <a:gd name="connsiteY2" fmla="*/ 28575 h 57150"/>
                <a:gd name="connsiteX3" fmla="*/ 28575 w 57150"/>
                <a:gd name="connsiteY3" fmla="*/ 0 h 57150"/>
                <a:gd name="connsiteX4" fmla="*/ 57150 w 57150"/>
                <a:gd name="connsiteY4" fmla="*/ 28575 h 571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57150" h="57150">
                  <a:moveTo>
                    <a:pt x="57150" y="28575"/>
                  </a:moveTo>
                  <a:cubicBezTo>
                    <a:pt x="57150" y="44357"/>
                    <a:pt x="44357" y="57150"/>
                    <a:pt x="28575" y="57150"/>
                  </a:cubicBezTo>
                  <a:cubicBezTo>
                    <a:pt x="12793" y="57150"/>
                    <a:pt x="0" y="44357"/>
                    <a:pt x="0" y="28575"/>
                  </a:cubicBezTo>
                  <a:cubicBezTo>
                    <a:pt x="0" y="12793"/>
                    <a:pt x="12793" y="0"/>
                    <a:pt x="28575" y="0"/>
                  </a:cubicBezTo>
                  <a:cubicBezTo>
                    <a:pt x="44357" y="0"/>
                    <a:pt x="57150" y="12793"/>
                    <a:pt x="57150" y="28575"/>
                  </a:cubicBezTo>
                  <a:close/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78" name="Freeform: Shape 77">
              <a:extLst>
                <a:ext uri="{FF2B5EF4-FFF2-40B4-BE49-F238E27FC236}">
                  <a16:creationId xmlns:a16="http://schemas.microsoft.com/office/drawing/2014/main" id="{549DAD00-8B06-5F0C-27AE-2617C98051BA}"/>
                </a:ext>
              </a:extLst>
            </p:cNvPr>
            <p:cNvSpPr/>
            <p:nvPr/>
          </p:nvSpPr>
          <p:spPr>
            <a:xfrm>
              <a:off x="7917637" y="3784121"/>
              <a:ext cx="66675" cy="57150"/>
            </a:xfrm>
            <a:custGeom>
              <a:avLst/>
              <a:gdLst>
                <a:gd name="connsiteX0" fmla="*/ 0 w 66675"/>
                <a:gd name="connsiteY0" fmla="*/ 58960 h 57150"/>
                <a:gd name="connsiteX1" fmla="*/ 72485 w 66675"/>
                <a:gd name="connsiteY1" fmla="*/ 0 h 571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66675" h="57150">
                  <a:moveTo>
                    <a:pt x="0" y="58960"/>
                  </a:moveTo>
                  <a:lnTo>
                    <a:pt x="72485" y="0"/>
                  </a:lnTo>
                </a:path>
              </a:pathLst>
            </a:custGeom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sp>
        <p:nvSpPr>
          <p:cNvPr id="79" name="Rectangle 220">
            <a:extLst>
              <a:ext uri="{FF2B5EF4-FFF2-40B4-BE49-F238E27FC236}">
                <a16:creationId xmlns:a16="http://schemas.microsoft.com/office/drawing/2014/main" id="{FC78A760-98CB-C188-06FE-BE7D288F9BD8}"/>
              </a:ext>
            </a:extLst>
          </p:cNvPr>
          <p:cNvSpPr/>
          <p:nvPr/>
        </p:nvSpPr>
        <p:spPr>
          <a:xfrm>
            <a:off x="8059514" y="1940396"/>
            <a:ext cx="2562955" cy="484180"/>
          </a:xfrm>
          <a:prstGeom prst="rect">
            <a:avLst/>
          </a:prstGeom>
        </p:spPr>
        <p:txBody>
          <a:bodyPr wrap="square" lIns="36000" tIns="36000" rIns="36000" bIns="0" anchor="t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Segoe UI" panose="020B0502040204020203" pitchFamily="34" charset="0"/>
              </a:rPr>
              <a:t>Nasdaq Copenhage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GB" altLang="en-US" sz="7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Arial" charset="0"/>
              </a:rPr>
              <a:t>No majority shareholder – 100% free float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600" b="1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Segoe UI" panose="020B0502040204020203" pitchFamily="34" charset="0"/>
            </a:endParaRPr>
          </a:p>
        </p:txBody>
      </p:sp>
      <p:grpSp>
        <p:nvGrpSpPr>
          <p:cNvPr id="80" name="Graphic 41">
            <a:extLst>
              <a:ext uri="{FF2B5EF4-FFF2-40B4-BE49-F238E27FC236}">
                <a16:creationId xmlns:a16="http://schemas.microsoft.com/office/drawing/2014/main" id="{83EEA606-43D0-FD91-8218-61CF6AFF33AE}"/>
              </a:ext>
            </a:extLst>
          </p:cNvPr>
          <p:cNvGrpSpPr/>
          <p:nvPr/>
        </p:nvGrpSpPr>
        <p:grpSpPr>
          <a:xfrm>
            <a:off x="7348691" y="1945124"/>
            <a:ext cx="464843" cy="458223"/>
            <a:chOff x="7024800" y="3189009"/>
            <a:chExt cx="447675" cy="441293"/>
          </a:xfrm>
        </p:grpSpPr>
        <p:sp>
          <p:nvSpPr>
            <p:cNvPr id="81" name="Freeform: Shape 80">
              <a:extLst>
                <a:ext uri="{FF2B5EF4-FFF2-40B4-BE49-F238E27FC236}">
                  <a16:creationId xmlns:a16="http://schemas.microsoft.com/office/drawing/2014/main" id="{01F22F15-9814-8FED-0FC0-62BD7B02957F}"/>
                </a:ext>
              </a:extLst>
            </p:cNvPr>
            <p:cNvSpPr/>
            <p:nvPr/>
          </p:nvSpPr>
          <p:spPr>
            <a:xfrm>
              <a:off x="7139100" y="3379509"/>
              <a:ext cx="28575" cy="209550"/>
            </a:xfrm>
            <a:custGeom>
              <a:avLst/>
              <a:gdLst>
                <a:gd name="connsiteX0" fmla="*/ 28575 w 28575"/>
                <a:gd name="connsiteY0" fmla="*/ 0 h 209550"/>
                <a:gd name="connsiteX1" fmla="*/ 0 w 28575"/>
                <a:gd name="connsiteY1" fmla="*/ 33719 h 209550"/>
                <a:gd name="connsiteX2" fmla="*/ 0 w 28575"/>
                <a:gd name="connsiteY2" fmla="*/ 168593 h 209550"/>
                <a:gd name="connsiteX3" fmla="*/ 28575 w 28575"/>
                <a:gd name="connsiteY3" fmla="*/ 209550 h 2095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5" h="209550">
                  <a:moveTo>
                    <a:pt x="28575" y="0"/>
                  </a:moveTo>
                  <a:lnTo>
                    <a:pt x="0" y="33719"/>
                  </a:lnTo>
                  <a:lnTo>
                    <a:pt x="0" y="168593"/>
                  </a:lnTo>
                  <a:lnTo>
                    <a:pt x="28575" y="209550"/>
                  </a:lnTo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2" name="Freeform: Shape 81">
              <a:extLst>
                <a:ext uri="{FF2B5EF4-FFF2-40B4-BE49-F238E27FC236}">
                  <a16:creationId xmlns:a16="http://schemas.microsoft.com/office/drawing/2014/main" id="{383D6507-93AB-63AA-C868-30E3C36B64BE}"/>
                </a:ext>
              </a:extLst>
            </p:cNvPr>
            <p:cNvSpPr/>
            <p:nvPr/>
          </p:nvSpPr>
          <p:spPr>
            <a:xfrm>
              <a:off x="7062900" y="3379509"/>
              <a:ext cx="28575" cy="209550"/>
            </a:xfrm>
            <a:custGeom>
              <a:avLst/>
              <a:gdLst>
                <a:gd name="connsiteX0" fmla="*/ 0 w 28575"/>
                <a:gd name="connsiteY0" fmla="*/ 209550 h 209550"/>
                <a:gd name="connsiteX1" fmla="*/ 28575 w 28575"/>
                <a:gd name="connsiteY1" fmla="*/ 168593 h 209550"/>
                <a:gd name="connsiteX2" fmla="*/ 28575 w 28575"/>
                <a:gd name="connsiteY2" fmla="*/ 33719 h 209550"/>
                <a:gd name="connsiteX3" fmla="*/ 0 w 28575"/>
                <a:gd name="connsiteY3" fmla="*/ 0 h 2095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5" h="209550">
                  <a:moveTo>
                    <a:pt x="0" y="209550"/>
                  </a:moveTo>
                  <a:lnTo>
                    <a:pt x="28575" y="168593"/>
                  </a:lnTo>
                  <a:lnTo>
                    <a:pt x="28575" y="33719"/>
                  </a:lnTo>
                  <a:lnTo>
                    <a:pt x="0" y="0"/>
                  </a:lnTo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3" name="Freeform: Shape 82">
              <a:extLst>
                <a:ext uri="{FF2B5EF4-FFF2-40B4-BE49-F238E27FC236}">
                  <a16:creationId xmlns:a16="http://schemas.microsoft.com/office/drawing/2014/main" id="{F953A01F-052A-266B-A320-CB00D7DA7B60}"/>
                </a:ext>
              </a:extLst>
            </p:cNvPr>
            <p:cNvSpPr/>
            <p:nvPr/>
          </p:nvSpPr>
          <p:spPr>
            <a:xfrm>
              <a:off x="7281975" y="3379509"/>
              <a:ext cx="28575" cy="209550"/>
            </a:xfrm>
            <a:custGeom>
              <a:avLst/>
              <a:gdLst>
                <a:gd name="connsiteX0" fmla="*/ 28575 w 28575"/>
                <a:gd name="connsiteY0" fmla="*/ 0 h 209550"/>
                <a:gd name="connsiteX1" fmla="*/ 0 w 28575"/>
                <a:gd name="connsiteY1" fmla="*/ 33719 h 209550"/>
                <a:gd name="connsiteX2" fmla="*/ 0 w 28575"/>
                <a:gd name="connsiteY2" fmla="*/ 168593 h 209550"/>
                <a:gd name="connsiteX3" fmla="*/ 28575 w 28575"/>
                <a:gd name="connsiteY3" fmla="*/ 209550 h 2095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5" h="209550">
                  <a:moveTo>
                    <a:pt x="28575" y="0"/>
                  </a:moveTo>
                  <a:lnTo>
                    <a:pt x="0" y="33719"/>
                  </a:lnTo>
                  <a:lnTo>
                    <a:pt x="0" y="168593"/>
                  </a:lnTo>
                  <a:lnTo>
                    <a:pt x="28575" y="209550"/>
                  </a:lnTo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4" name="Freeform: Shape 83">
              <a:extLst>
                <a:ext uri="{FF2B5EF4-FFF2-40B4-BE49-F238E27FC236}">
                  <a16:creationId xmlns:a16="http://schemas.microsoft.com/office/drawing/2014/main" id="{E21BC036-07D5-53D0-1D10-E123E41F1CF7}"/>
                </a:ext>
              </a:extLst>
            </p:cNvPr>
            <p:cNvSpPr/>
            <p:nvPr/>
          </p:nvSpPr>
          <p:spPr>
            <a:xfrm>
              <a:off x="7196250" y="3379509"/>
              <a:ext cx="28575" cy="209550"/>
            </a:xfrm>
            <a:custGeom>
              <a:avLst/>
              <a:gdLst>
                <a:gd name="connsiteX0" fmla="*/ 0 w 28575"/>
                <a:gd name="connsiteY0" fmla="*/ 209550 h 209550"/>
                <a:gd name="connsiteX1" fmla="*/ 28575 w 28575"/>
                <a:gd name="connsiteY1" fmla="*/ 168593 h 209550"/>
                <a:gd name="connsiteX2" fmla="*/ 28575 w 28575"/>
                <a:gd name="connsiteY2" fmla="*/ 33719 h 209550"/>
                <a:gd name="connsiteX3" fmla="*/ 0 w 28575"/>
                <a:gd name="connsiteY3" fmla="*/ 0 h 2095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5" h="209550">
                  <a:moveTo>
                    <a:pt x="0" y="209550"/>
                  </a:moveTo>
                  <a:lnTo>
                    <a:pt x="28575" y="168593"/>
                  </a:lnTo>
                  <a:lnTo>
                    <a:pt x="28575" y="33719"/>
                  </a:lnTo>
                  <a:lnTo>
                    <a:pt x="0" y="0"/>
                  </a:lnTo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5" name="Freeform: Shape 84">
              <a:extLst>
                <a:ext uri="{FF2B5EF4-FFF2-40B4-BE49-F238E27FC236}">
                  <a16:creationId xmlns:a16="http://schemas.microsoft.com/office/drawing/2014/main" id="{C160FA6B-06A2-4145-D687-B1696E514352}"/>
                </a:ext>
              </a:extLst>
            </p:cNvPr>
            <p:cNvSpPr/>
            <p:nvPr/>
          </p:nvSpPr>
          <p:spPr>
            <a:xfrm>
              <a:off x="7415325" y="3379509"/>
              <a:ext cx="28575" cy="209550"/>
            </a:xfrm>
            <a:custGeom>
              <a:avLst/>
              <a:gdLst>
                <a:gd name="connsiteX0" fmla="*/ 28575 w 28575"/>
                <a:gd name="connsiteY0" fmla="*/ 209550 h 209550"/>
                <a:gd name="connsiteX1" fmla="*/ 0 w 28575"/>
                <a:gd name="connsiteY1" fmla="*/ 168593 h 209550"/>
                <a:gd name="connsiteX2" fmla="*/ 0 w 28575"/>
                <a:gd name="connsiteY2" fmla="*/ 33719 h 209550"/>
                <a:gd name="connsiteX3" fmla="*/ 28575 w 28575"/>
                <a:gd name="connsiteY3" fmla="*/ 0 h 2095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5" h="209550">
                  <a:moveTo>
                    <a:pt x="28575" y="209550"/>
                  </a:moveTo>
                  <a:lnTo>
                    <a:pt x="0" y="168593"/>
                  </a:lnTo>
                  <a:lnTo>
                    <a:pt x="0" y="33719"/>
                  </a:lnTo>
                  <a:lnTo>
                    <a:pt x="28575" y="0"/>
                  </a:lnTo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6" name="Freeform: Shape 85">
              <a:extLst>
                <a:ext uri="{FF2B5EF4-FFF2-40B4-BE49-F238E27FC236}">
                  <a16:creationId xmlns:a16="http://schemas.microsoft.com/office/drawing/2014/main" id="{D5F63F59-D22B-D3FE-F3C9-2A20917F890A}"/>
                </a:ext>
              </a:extLst>
            </p:cNvPr>
            <p:cNvSpPr/>
            <p:nvPr/>
          </p:nvSpPr>
          <p:spPr>
            <a:xfrm>
              <a:off x="7339125" y="3379509"/>
              <a:ext cx="28575" cy="209550"/>
            </a:xfrm>
            <a:custGeom>
              <a:avLst/>
              <a:gdLst>
                <a:gd name="connsiteX0" fmla="*/ 0 w 28575"/>
                <a:gd name="connsiteY0" fmla="*/ 209550 h 209550"/>
                <a:gd name="connsiteX1" fmla="*/ 28575 w 28575"/>
                <a:gd name="connsiteY1" fmla="*/ 168593 h 209550"/>
                <a:gd name="connsiteX2" fmla="*/ 28575 w 28575"/>
                <a:gd name="connsiteY2" fmla="*/ 33719 h 209550"/>
                <a:gd name="connsiteX3" fmla="*/ 0 w 28575"/>
                <a:gd name="connsiteY3" fmla="*/ 0 h 2095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5" h="209550">
                  <a:moveTo>
                    <a:pt x="0" y="209550"/>
                  </a:moveTo>
                  <a:lnTo>
                    <a:pt x="28575" y="168593"/>
                  </a:lnTo>
                  <a:lnTo>
                    <a:pt x="28575" y="33719"/>
                  </a:lnTo>
                  <a:lnTo>
                    <a:pt x="0" y="0"/>
                  </a:lnTo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7" name="Freeform: Shape 86">
              <a:extLst>
                <a:ext uri="{FF2B5EF4-FFF2-40B4-BE49-F238E27FC236}">
                  <a16:creationId xmlns:a16="http://schemas.microsoft.com/office/drawing/2014/main" id="{68FD2A4F-4A43-68E2-A30D-49A8F809068A}"/>
                </a:ext>
              </a:extLst>
            </p:cNvPr>
            <p:cNvSpPr/>
            <p:nvPr/>
          </p:nvSpPr>
          <p:spPr>
            <a:xfrm>
              <a:off x="7034325" y="3198534"/>
              <a:ext cx="438150" cy="114300"/>
            </a:xfrm>
            <a:custGeom>
              <a:avLst/>
              <a:gdLst>
                <a:gd name="connsiteX0" fmla="*/ 342900 w 438150"/>
                <a:gd name="connsiteY0" fmla="*/ 114300 h 114300"/>
                <a:gd name="connsiteX1" fmla="*/ 438150 w 438150"/>
                <a:gd name="connsiteY1" fmla="*/ 114300 h 114300"/>
                <a:gd name="connsiteX2" fmla="*/ 219075 w 438150"/>
                <a:gd name="connsiteY2" fmla="*/ 0 h 114300"/>
                <a:gd name="connsiteX3" fmla="*/ 0 w 438150"/>
                <a:gd name="connsiteY3" fmla="*/ 114300 h 114300"/>
                <a:gd name="connsiteX4" fmla="*/ 219075 w 438150"/>
                <a:gd name="connsiteY4" fmla="*/ 114300 h 114300"/>
                <a:gd name="connsiteX5" fmla="*/ 285750 w 438150"/>
                <a:gd name="connsiteY5" fmla="*/ 114300 h 1143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438150" h="114300">
                  <a:moveTo>
                    <a:pt x="342900" y="114300"/>
                  </a:moveTo>
                  <a:lnTo>
                    <a:pt x="438150" y="114300"/>
                  </a:lnTo>
                  <a:lnTo>
                    <a:pt x="219075" y="0"/>
                  </a:lnTo>
                  <a:lnTo>
                    <a:pt x="0" y="114300"/>
                  </a:lnTo>
                  <a:lnTo>
                    <a:pt x="219075" y="114300"/>
                  </a:lnTo>
                  <a:lnTo>
                    <a:pt x="285750" y="114300"/>
                  </a:lnTo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8" name="Freeform: Shape 87">
              <a:extLst>
                <a:ext uri="{FF2B5EF4-FFF2-40B4-BE49-F238E27FC236}">
                  <a16:creationId xmlns:a16="http://schemas.microsoft.com/office/drawing/2014/main" id="{52ECD050-8EB9-D729-CD42-64E515628EF7}"/>
                </a:ext>
              </a:extLst>
            </p:cNvPr>
            <p:cNvSpPr/>
            <p:nvPr/>
          </p:nvSpPr>
          <p:spPr>
            <a:xfrm>
              <a:off x="7034325" y="3312834"/>
              <a:ext cx="438150" cy="66675"/>
            </a:xfrm>
            <a:custGeom>
              <a:avLst/>
              <a:gdLst>
                <a:gd name="connsiteX0" fmla="*/ 0 w 438150"/>
                <a:gd name="connsiteY0" fmla="*/ 0 h 66675"/>
                <a:gd name="connsiteX1" fmla="*/ 0 w 438150"/>
                <a:gd name="connsiteY1" fmla="*/ 66675 h 66675"/>
                <a:gd name="connsiteX2" fmla="*/ 438150 w 438150"/>
                <a:gd name="connsiteY2" fmla="*/ 66675 h 66675"/>
                <a:gd name="connsiteX3" fmla="*/ 438150 w 438150"/>
                <a:gd name="connsiteY3" fmla="*/ 0 h 666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38150" h="66675">
                  <a:moveTo>
                    <a:pt x="0" y="0"/>
                  </a:moveTo>
                  <a:lnTo>
                    <a:pt x="0" y="66675"/>
                  </a:lnTo>
                  <a:lnTo>
                    <a:pt x="438150" y="66675"/>
                  </a:lnTo>
                  <a:lnTo>
                    <a:pt x="438150" y="0"/>
                  </a:lnTo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9" name="Freeform: Shape 88">
              <a:extLst>
                <a:ext uri="{FF2B5EF4-FFF2-40B4-BE49-F238E27FC236}">
                  <a16:creationId xmlns:a16="http://schemas.microsoft.com/office/drawing/2014/main" id="{ACCD09C7-A570-4F03-6115-455AE4F38325}"/>
                </a:ext>
              </a:extLst>
            </p:cNvPr>
            <p:cNvSpPr/>
            <p:nvPr/>
          </p:nvSpPr>
          <p:spPr>
            <a:xfrm>
              <a:off x="7062900" y="3589059"/>
              <a:ext cx="381000" cy="9525"/>
            </a:xfrm>
            <a:custGeom>
              <a:avLst/>
              <a:gdLst>
                <a:gd name="connsiteX0" fmla="*/ 0 w 381000"/>
                <a:gd name="connsiteY0" fmla="*/ 0 h 0"/>
                <a:gd name="connsiteX1" fmla="*/ 381000 w 381000"/>
                <a:gd name="connsiteY1" fmla="*/ 0 h 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381000">
                  <a:moveTo>
                    <a:pt x="0" y="0"/>
                  </a:moveTo>
                  <a:lnTo>
                    <a:pt x="381000" y="0"/>
                  </a:lnTo>
                </a:path>
              </a:pathLst>
            </a:custGeom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90" name="Freeform: Shape 89">
              <a:extLst>
                <a:ext uri="{FF2B5EF4-FFF2-40B4-BE49-F238E27FC236}">
                  <a16:creationId xmlns:a16="http://schemas.microsoft.com/office/drawing/2014/main" id="{D63EAC3E-AAAD-31C7-950A-DFA414977C20}"/>
                </a:ext>
              </a:extLst>
            </p:cNvPr>
            <p:cNvSpPr/>
            <p:nvPr/>
          </p:nvSpPr>
          <p:spPr>
            <a:xfrm>
              <a:off x="7034325" y="3611252"/>
              <a:ext cx="438150" cy="19050"/>
            </a:xfrm>
            <a:custGeom>
              <a:avLst/>
              <a:gdLst>
                <a:gd name="connsiteX0" fmla="*/ 0 w 438150"/>
                <a:gd name="connsiteY0" fmla="*/ 0 h 19050"/>
                <a:gd name="connsiteX1" fmla="*/ 0 w 438150"/>
                <a:gd name="connsiteY1" fmla="*/ 25432 h 19050"/>
                <a:gd name="connsiteX2" fmla="*/ 438150 w 438150"/>
                <a:gd name="connsiteY2" fmla="*/ 25432 h 19050"/>
                <a:gd name="connsiteX3" fmla="*/ 438150 w 438150"/>
                <a:gd name="connsiteY3" fmla="*/ 0 h 190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38150" h="19050">
                  <a:moveTo>
                    <a:pt x="0" y="0"/>
                  </a:moveTo>
                  <a:lnTo>
                    <a:pt x="0" y="25432"/>
                  </a:lnTo>
                  <a:lnTo>
                    <a:pt x="438150" y="25432"/>
                  </a:lnTo>
                  <a:lnTo>
                    <a:pt x="438150" y="0"/>
                  </a:lnTo>
                </a:path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91" name="Freeform: Shape 90">
              <a:extLst>
                <a:ext uri="{FF2B5EF4-FFF2-40B4-BE49-F238E27FC236}">
                  <a16:creationId xmlns:a16="http://schemas.microsoft.com/office/drawing/2014/main" id="{82ECE24D-4E05-E86B-16A7-F1CAD632E057}"/>
                </a:ext>
              </a:extLst>
            </p:cNvPr>
            <p:cNvSpPr/>
            <p:nvPr/>
          </p:nvSpPr>
          <p:spPr>
            <a:xfrm>
              <a:off x="7024800" y="3189009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/>
              </a:pathLst>
            </a:custGeom>
            <a:noFill/>
            <a:ln w="25400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grpSp>
        <p:nvGrpSpPr>
          <p:cNvPr id="92" name="Group 91">
            <a:extLst>
              <a:ext uri="{FF2B5EF4-FFF2-40B4-BE49-F238E27FC236}">
                <a16:creationId xmlns:a16="http://schemas.microsoft.com/office/drawing/2014/main" id="{D5C3E687-D2DB-4566-30E9-284CAA34B401}"/>
              </a:ext>
            </a:extLst>
          </p:cNvPr>
          <p:cNvGrpSpPr>
            <a:grpSpLocks noChangeAspect="1"/>
          </p:cNvGrpSpPr>
          <p:nvPr/>
        </p:nvGrpSpPr>
        <p:grpSpPr>
          <a:xfrm>
            <a:off x="4199783" y="2256387"/>
            <a:ext cx="913579" cy="738000"/>
            <a:chOff x="8285267" y="4384684"/>
            <a:chExt cx="2001322" cy="1616694"/>
          </a:xfrm>
        </p:grpSpPr>
        <p:grpSp>
          <p:nvGrpSpPr>
            <p:cNvPr id="93" name="Graphic 791">
              <a:extLst>
                <a:ext uri="{FF2B5EF4-FFF2-40B4-BE49-F238E27FC236}">
                  <a16:creationId xmlns:a16="http://schemas.microsoft.com/office/drawing/2014/main" id="{3ACD7727-D69F-D49D-C208-49BAFE62FC1B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9128363" y="5048116"/>
              <a:ext cx="1158226" cy="953262"/>
              <a:chOff x="1272245" y="4931430"/>
              <a:chExt cx="891568" cy="733794"/>
            </a:xfrm>
            <a:noFill/>
          </p:grpSpPr>
          <p:grpSp>
            <p:nvGrpSpPr>
              <p:cNvPr id="108" name="Graphic 791">
                <a:extLst>
                  <a:ext uri="{FF2B5EF4-FFF2-40B4-BE49-F238E27FC236}">
                    <a16:creationId xmlns:a16="http://schemas.microsoft.com/office/drawing/2014/main" id="{451F6FA2-2935-F4DD-4781-AFCDF78901E0}"/>
                  </a:ext>
                </a:extLst>
              </p:cNvPr>
              <p:cNvGrpSpPr/>
              <p:nvPr/>
            </p:nvGrpSpPr>
            <p:grpSpPr>
              <a:xfrm>
                <a:off x="1544627" y="4967152"/>
                <a:ext cx="267916" cy="163727"/>
                <a:chOff x="1544627" y="4967152"/>
                <a:chExt cx="267916" cy="163727"/>
              </a:xfrm>
              <a:noFill/>
            </p:grpSpPr>
            <p:sp>
              <p:nvSpPr>
                <p:cNvPr id="126" name="Freeform: Shape 125">
                  <a:extLst>
                    <a:ext uri="{FF2B5EF4-FFF2-40B4-BE49-F238E27FC236}">
                      <a16:creationId xmlns:a16="http://schemas.microsoft.com/office/drawing/2014/main" id="{430A7ACE-6965-ED2D-AC08-CB5002BC88DB}"/>
                    </a:ext>
                  </a:extLst>
                </p:cNvPr>
                <p:cNvSpPr/>
                <p:nvPr/>
              </p:nvSpPr>
              <p:spPr>
                <a:xfrm>
                  <a:off x="1544627" y="4967152"/>
                  <a:ext cx="267916" cy="163727"/>
                </a:xfrm>
                <a:custGeom>
                  <a:avLst/>
                  <a:gdLst>
                    <a:gd name="connsiteX0" fmla="*/ 0 w 267916"/>
                    <a:gd name="connsiteY0" fmla="*/ 0 h 163727"/>
                    <a:gd name="connsiteX1" fmla="*/ 267917 w 267916"/>
                    <a:gd name="connsiteY1" fmla="*/ 0 h 163727"/>
                    <a:gd name="connsiteX2" fmla="*/ 267917 w 267916"/>
                    <a:gd name="connsiteY2" fmla="*/ 163727 h 163727"/>
                    <a:gd name="connsiteX3" fmla="*/ 0 w 267916"/>
                    <a:gd name="connsiteY3" fmla="*/ 163727 h 163727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267916" h="163727">
                      <a:moveTo>
                        <a:pt x="0" y="0"/>
                      </a:moveTo>
                      <a:lnTo>
                        <a:pt x="267917" y="0"/>
                      </a:lnTo>
                      <a:lnTo>
                        <a:pt x="267917" y="163727"/>
                      </a:lnTo>
                      <a:lnTo>
                        <a:pt x="0" y="163727"/>
                      </a:lnTo>
                      <a:close/>
                    </a:path>
                  </a:pathLst>
                </a:custGeom>
                <a:noFill/>
                <a:ln w="19050" cap="rnd">
                  <a:solidFill>
                    <a:schemeClr val="bg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675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endParaRPr>
                </a:p>
              </p:txBody>
            </p:sp>
            <p:sp>
              <p:nvSpPr>
                <p:cNvPr id="127" name="Freeform: Shape 126">
                  <a:extLst>
                    <a:ext uri="{FF2B5EF4-FFF2-40B4-BE49-F238E27FC236}">
                      <a16:creationId xmlns:a16="http://schemas.microsoft.com/office/drawing/2014/main" id="{1B50B61F-F545-833A-B65B-677BC377BA6D}"/>
                    </a:ext>
                  </a:extLst>
                </p:cNvPr>
                <p:cNvSpPr/>
                <p:nvPr/>
              </p:nvSpPr>
              <p:spPr>
                <a:xfrm>
                  <a:off x="1678585" y="5034131"/>
                  <a:ext cx="14884" cy="41675"/>
                </a:xfrm>
                <a:custGeom>
                  <a:avLst/>
                  <a:gdLst>
                    <a:gd name="connsiteX0" fmla="*/ 0 w 14884"/>
                    <a:gd name="connsiteY0" fmla="*/ 0 h 41675"/>
                    <a:gd name="connsiteX1" fmla="*/ 0 w 14884"/>
                    <a:gd name="connsiteY1" fmla="*/ 41676 h 4167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</a:cxnLst>
                  <a:rect l="l" t="t" r="r" b="b"/>
                  <a:pathLst>
                    <a:path w="14884" h="41675">
                      <a:moveTo>
                        <a:pt x="0" y="0"/>
                      </a:moveTo>
                      <a:lnTo>
                        <a:pt x="0" y="41676"/>
                      </a:lnTo>
                    </a:path>
                  </a:pathLst>
                </a:custGeom>
                <a:ln w="19050" cap="rnd">
                  <a:solidFill>
                    <a:schemeClr val="bg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675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endParaRPr>
                </a:p>
              </p:txBody>
            </p:sp>
            <p:sp>
              <p:nvSpPr>
                <p:cNvPr id="128" name="Freeform: Shape 127">
                  <a:extLst>
                    <a:ext uri="{FF2B5EF4-FFF2-40B4-BE49-F238E27FC236}">
                      <a16:creationId xmlns:a16="http://schemas.microsoft.com/office/drawing/2014/main" id="{04845C10-E576-50EB-6A46-034499759025}"/>
                    </a:ext>
                  </a:extLst>
                </p:cNvPr>
                <p:cNvSpPr/>
                <p:nvPr/>
              </p:nvSpPr>
              <p:spPr>
                <a:xfrm>
                  <a:off x="1619048" y="5034131"/>
                  <a:ext cx="14884" cy="41675"/>
                </a:xfrm>
                <a:custGeom>
                  <a:avLst/>
                  <a:gdLst>
                    <a:gd name="connsiteX0" fmla="*/ 0 w 14884"/>
                    <a:gd name="connsiteY0" fmla="*/ 0 h 41675"/>
                    <a:gd name="connsiteX1" fmla="*/ 0 w 14884"/>
                    <a:gd name="connsiteY1" fmla="*/ 41676 h 4167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</a:cxnLst>
                  <a:rect l="l" t="t" r="r" b="b"/>
                  <a:pathLst>
                    <a:path w="14884" h="41675">
                      <a:moveTo>
                        <a:pt x="0" y="0"/>
                      </a:moveTo>
                      <a:lnTo>
                        <a:pt x="0" y="41676"/>
                      </a:lnTo>
                    </a:path>
                  </a:pathLst>
                </a:custGeom>
                <a:ln w="19050" cap="rnd">
                  <a:solidFill>
                    <a:schemeClr val="bg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675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endParaRPr>
                </a:p>
              </p:txBody>
            </p:sp>
            <p:sp>
              <p:nvSpPr>
                <p:cNvPr id="129" name="Freeform: Shape 128">
                  <a:extLst>
                    <a:ext uri="{FF2B5EF4-FFF2-40B4-BE49-F238E27FC236}">
                      <a16:creationId xmlns:a16="http://schemas.microsoft.com/office/drawing/2014/main" id="{352FB74D-27CA-4DE0-17C3-DA4AE0FEDBCE}"/>
                    </a:ext>
                  </a:extLst>
                </p:cNvPr>
                <p:cNvSpPr/>
                <p:nvPr/>
              </p:nvSpPr>
              <p:spPr>
                <a:xfrm>
                  <a:off x="1738123" y="5034131"/>
                  <a:ext cx="14884" cy="41675"/>
                </a:xfrm>
                <a:custGeom>
                  <a:avLst/>
                  <a:gdLst>
                    <a:gd name="connsiteX0" fmla="*/ 0 w 14884"/>
                    <a:gd name="connsiteY0" fmla="*/ 0 h 41675"/>
                    <a:gd name="connsiteX1" fmla="*/ 0 w 14884"/>
                    <a:gd name="connsiteY1" fmla="*/ 41676 h 4167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</a:cxnLst>
                  <a:rect l="l" t="t" r="r" b="b"/>
                  <a:pathLst>
                    <a:path w="14884" h="41675">
                      <a:moveTo>
                        <a:pt x="0" y="0"/>
                      </a:moveTo>
                      <a:lnTo>
                        <a:pt x="0" y="41676"/>
                      </a:lnTo>
                    </a:path>
                  </a:pathLst>
                </a:custGeom>
                <a:ln w="19050" cap="rnd">
                  <a:solidFill>
                    <a:schemeClr val="bg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675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109" name="Graphic 791">
                <a:extLst>
                  <a:ext uri="{FF2B5EF4-FFF2-40B4-BE49-F238E27FC236}">
                    <a16:creationId xmlns:a16="http://schemas.microsoft.com/office/drawing/2014/main" id="{382E0D10-D851-8A5D-8DD5-55F475A24464}"/>
                  </a:ext>
                </a:extLst>
              </p:cNvPr>
              <p:cNvGrpSpPr/>
              <p:nvPr/>
            </p:nvGrpSpPr>
            <p:grpSpPr>
              <a:xfrm>
                <a:off x="1407692" y="5130879"/>
                <a:ext cx="267916" cy="163727"/>
                <a:chOff x="1407692" y="5130879"/>
                <a:chExt cx="267916" cy="163727"/>
              </a:xfrm>
              <a:noFill/>
            </p:grpSpPr>
            <p:sp>
              <p:nvSpPr>
                <p:cNvPr id="122" name="Freeform: Shape 121">
                  <a:extLst>
                    <a:ext uri="{FF2B5EF4-FFF2-40B4-BE49-F238E27FC236}">
                      <a16:creationId xmlns:a16="http://schemas.microsoft.com/office/drawing/2014/main" id="{56106F38-5F49-AE88-AFD0-0975969D3D25}"/>
                    </a:ext>
                  </a:extLst>
                </p:cNvPr>
                <p:cNvSpPr/>
                <p:nvPr/>
              </p:nvSpPr>
              <p:spPr>
                <a:xfrm>
                  <a:off x="1407692" y="5130879"/>
                  <a:ext cx="267916" cy="163727"/>
                </a:xfrm>
                <a:custGeom>
                  <a:avLst/>
                  <a:gdLst>
                    <a:gd name="connsiteX0" fmla="*/ 0 w 267916"/>
                    <a:gd name="connsiteY0" fmla="*/ 0 h 163727"/>
                    <a:gd name="connsiteX1" fmla="*/ 267917 w 267916"/>
                    <a:gd name="connsiteY1" fmla="*/ 0 h 163727"/>
                    <a:gd name="connsiteX2" fmla="*/ 267917 w 267916"/>
                    <a:gd name="connsiteY2" fmla="*/ 163727 h 163727"/>
                    <a:gd name="connsiteX3" fmla="*/ 0 w 267916"/>
                    <a:gd name="connsiteY3" fmla="*/ 163727 h 163727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267916" h="163727">
                      <a:moveTo>
                        <a:pt x="0" y="0"/>
                      </a:moveTo>
                      <a:lnTo>
                        <a:pt x="267917" y="0"/>
                      </a:lnTo>
                      <a:lnTo>
                        <a:pt x="267917" y="163727"/>
                      </a:lnTo>
                      <a:lnTo>
                        <a:pt x="0" y="163727"/>
                      </a:lnTo>
                      <a:close/>
                    </a:path>
                  </a:pathLst>
                </a:custGeom>
                <a:noFill/>
                <a:ln w="19050" cap="rnd">
                  <a:solidFill>
                    <a:schemeClr val="bg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675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endParaRPr>
                </a:p>
              </p:txBody>
            </p:sp>
            <p:sp>
              <p:nvSpPr>
                <p:cNvPr id="123" name="Freeform: Shape 122">
                  <a:extLst>
                    <a:ext uri="{FF2B5EF4-FFF2-40B4-BE49-F238E27FC236}">
                      <a16:creationId xmlns:a16="http://schemas.microsoft.com/office/drawing/2014/main" id="{4F1E5732-1208-2C9B-3EFF-A35945638C10}"/>
                    </a:ext>
                  </a:extLst>
                </p:cNvPr>
                <p:cNvSpPr/>
                <p:nvPr/>
              </p:nvSpPr>
              <p:spPr>
                <a:xfrm>
                  <a:off x="1541650" y="5197858"/>
                  <a:ext cx="14884" cy="41675"/>
                </a:xfrm>
                <a:custGeom>
                  <a:avLst/>
                  <a:gdLst>
                    <a:gd name="connsiteX0" fmla="*/ 0 w 14884"/>
                    <a:gd name="connsiteY0" fmla="*/ 0 h 41675"/>
                    <a:gd name="connsiteX1" fmla="*/ 0 w 14884"/>
                    <a:gd name="connsiteY1" fmla="*/ 41676 h 4167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</a:cxnLst>
                  <a:rect l="l" t="t" r="r" b="b"/>
                  <a:pathLst>
                    <a:path w="14884" h="41675">
                      <a:moveTo>
                        <a:pt x="0" y="0"/>
                      </a:moveTo>
                      <a:lnTo>
                        <a:pt x="0" y="41676"/>
                      </a:lnTo>
                    </a:path>
                  </a:pathLst>
                </a:custGeom>
                <a:ln w="19050" cap="rnd">
                  <a:solidFill>
                    <a:schemeClr val="bg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675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endParaRPr>
                </a:p>
              </p:txBody>
            </p:sp>
            <p:sp>
              <p:nvSpPr>
                <p:cNvPr id="124" name="Freeform: Shape 123">
                  <a:extLst>
                    <a:ext uri="{FF2B5EF4-FFF2-40B4-BE49-F238E27FC236}">
                      <a16:creationId xmlns:a16="http://schemas.microsoft.com/office/drawing/2014/main" id="{B9FC47C8-D16C-D55F-927C-83B6AFA2D286}"/>
                    </a:ext>
                  </a:extLst>
                </p:cNvPr>
                <p:cNvSpPr/>
                <p:nvPr/>
              </p:nvSpPr>
              <p:spPr>
                <a:xfrm>
                  <a:off x="1482113" y="5197858"/>
                  <a:ext cx="14884" cy="41675"/>
                </a:xfrm>
                <a:custGeom>
                  <a:avLst/>
                  <a:gdLst>
                    <a:gd name="connsiteX0" fmla="*/ 0 w 14884"/>
                    <a:gd name="connsiteY0" fmla="*/ 0 h 41675"/>
                    <a:gd name="connsiteX1" fmla="*/ 0 w 14884"/>
                    <a:gd name="connsiteY1" fmla="*/ 41676 h 4167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</a:cxnLst>
                  <a:rect l="l" t="t" r="r" b="b"/>
                  <a:pathLst>
                    <a:path w="14884" h="41675">
                      <a:moveTo>
                        <a:pt x="0" y="0"/>
                      </a:moveTo>
                      <a:lnTo>
                        <a:pt x="0" y="41676"/>
                      </a:lnTo>
                    </a:path>
                  </a:pathLst>
                </a:custGeom>
                <a:ln w="19050" cap="rnd">
                  <a:solidFill>
                    <a:schemeClr val="bg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675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endParaRPr>
                </a:p>
              </p:txBody>
            </p:sp>
            <p:sp>
              <p:nvSpPr>
                <p:cNvPr id="125" name="Freeform: Shape 124">
                  <a:extLst>
                    <a:ext uri="{FF2B5EF4-FFF2-40B4-BE49-F238E27FC236}">
                      <a16:creationId xmlns:a16="http://schemas.microsoft.com/office/drawing/2014/main" id="{177FC1D4-5090-9BA8-61C3-F758B7C487AA}"/>
                    </a:ext>
                  </a:extLst>
                </p:cNvPr>
                <p:cNvSpPr/>
                <p:nvPr/>
              </p:nvSpPr>
              <p:spPr>
                <a:xfrm>
                  <a:off x="1602676" y="5197858"/>
                  <a:ext cx="14884" cy="41675"/>
                </a:xfrm>
                <a:custGeom>
                  <a:avLst/>
                  <a:gdLst>
                    <a:gd name="connsiteX0" fmla="*/ 0 w 14884"/>
                    <a:gd name="connsiteY0" fmla="*/ 0 h 41675"/>
                    <a:gd name="connsiteX1" fmla="*/ 0 w 14884"/>
                    <a:gd name="connsiteY1" fmla="*/ 41676 h 4167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</a:cxnLst>
                  <a:rect l="l" t="t" r="r" b="b"/>
                  <a:pathLst>
                    <a:path w="14884" h="41675">
                      <a:moveTo>
                        <a:pt x="0" y="0"/>
                      </a:moveTo>
                      <a:lnTo>
                        <a:pt x="0" y="41676"/>
                      </a:lnTo>
                    </a:path>
                  </a:pathLst>
                </a:custGeom>
                <a:ln w="19050" cap="rnd">
                  <a:solidFill>
                    <a:schemeClr val="bg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675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110" name="Graphic 791">
                <a:extLst>
                  <a:ext uri="{FF2B5EF4-FFF2-40B4-BE49-F238E27FC236}">
                    <a16:creationId xmlns:a16="http://schemas.microsoft.com/office/drawing/2014/main" id="{3DA593B9-109F-696C-3A24-BF806AD97799}"/>
                  </a:ext>
                </a:extLst>
              </p:cNvPr>
              <p:cNvGrpSpPr/>
              <p:nvPr/>
            </p:nvGrpSpPr>
            <p:grpSpPr>
              <a:xfrm>
                <a:off x="1675609" y="5130879"/>
                <a:ext cx="269405" cy="193495"/>
                <a:chOff x="1675609" y="5130879"/>
                <a:chExt cx="269405" cy="193495"/>
              </a:xfrm>
              <a:noFill/>
            </p:grpSpPr>
            <p:sp>
              <p:nvSpPr>
                <p:cNvPr id="118" name="Freeform: Shape 117">
                  <a:extLst>
                    <a:ext uri="{FF2B5EF4-FFF2-40B4-BE49-F238E27FC236}">
                      <a16:creationId xmlns:a16="http://schemas.microsoft.com/office/drawing/2014/main" id="{8595B35C-E160-CF8F-811D-4BC4B9996AB3}"/>
                    </a:ext>
                  </a:extLst>
                </p:cNvPr>
                <p:cNvSpPr/>
                <p:nvPr/>
              </p:nvSpPr>
              <p:spPr>
                <a:xfrm>
                  <a:off x="1675609" y="5130879"/>
                  <a:ext cx="269405" cy="193495"/>
                </a:xfrm>
                <a:custGeom>
                  <a:avLst/>
                  <a:gdLst>
                    <a:gd name="connsiteX0" fmla="*/ 0 w 269405"/>
                    <a:gd name="connsiteY0" fmla="*/ 174146 h 193495"/>
                    <a:gd name="connsiteX1" fmla="*/ 0 w 269405"/>
                    <a:gd name="connsiteY1" fmla="*/ 0 h 193495"/>
                    <a:gd name="connsiteX2" fmla="*/ 269405 w 269405"/>
                    <a:gd name="connsiteY2" fmla="*/ 0 h 193495"/>
                    <a:gd name="connsiteX3" fmla="*/ 269405 w 269405"/>
                    <a:gd name="connsiteY3" fmla="*/ 193496 h 19349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269405" h="193495">
                      <a:moveTo>
                        <a:pt x="0" y="174146"/>
                      </a:moveTo>
                      <a:lnTo>
                        <a:pt x="0" y="0"/>
                      </a:lnTo>
                      <a:lnTo>
                        <a:pt x="269405" y="0"/>
                      </a:lnTo>
                      <a:lnTo>
                        <a:pt x="269405" y="193496"/>
                      </a:lnTo>
                    </a:path>
                  </a:pathLst>
                </a:custGeom>
                <a:noFill/>
                <a:ln w="19050" cap="rnd">
                  <a:solidFill>
                    <a:schemeClr val="bg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675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endParaRPr>
                </a:p>
              </p:txBody>
            </p:sp>
            <p:sp>
              <p:nvSpPr>
                <p:cNvPr id="119" name="Freeform: Shape 118">
                  <a:extLst>
                    <a:ext uri="{FF2B5EF4-FFF2-40B4-BE49-F238E27FC236}">
                      <a16:creationId xmlns:a16="http://schemas.microsoft.com/office/drawing/2014/main" id="{1F5DF0AF-BC60-9891-D804-E67371F35832}"/>
                    </a:ext>
                  </a:extLst>
                </p:cNvPr>
                <p:cNvSpPr/>
                <p:nvPr/>
              </p:nvSpPr>
              <p:spPr>
                <a:xfrm>
                  <a:off x="1809567" y="5197858"/>
                  <a:ext cx="14884" cy="64002"/>
                </a:xfrm>
                <a:custGeom>
                  <a:avLst/>
                  <a:gdLst>
                    <a:gd name="connsiteX0" fmla="*/ 0 w 14884"/>
                    <a:gd name="connsiteY0" fmla="*/ 0 h 64002"/>
                    <a:gd name="connsiteX1" fmla="*/ 0 w 14884"/>
                    <a:gd name="connsiteY1" fmla="*/ 64002 h 64002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</a:cxnLst>
                  <a:rect l="l" t="t" r="r" b="b"/>
                  <a:pathLst>
                    <a:path w="14884" h="64002">
                      <a:moveTo>
                        <a:pt x="0" y="0"/>
                      </a:moveTo>
                      <a:lnTo>
                        <a:pt x="0" y="64002"/>
                      </a:lnTo>
                    </a:path>
                  </a:pathLst>
                </a:custGeom>
                <a:ln w="19050" cap="rnd">
                  <a:solidFill>
                    <a:schemeClr val="bg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675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endParaRPr>
                </a:p>
              </p:txBody>
            </p:sp>
            <p:sp>
              <p:nvSpPr>
                <p:cNvPr id="120" name="Freeform: Shape 119">
                  <a:extLst>
                    <a:ext uri="{FF2B5EF4-FFF2-40B4-BE49-F238E27FC236}">
                      <a16:creationId xmlns:a16="http://schemas.microsoft.com/office/drawing/2014/main" id="{9866E3BC-3354-7BFF-BEDF-CD500AB29B02}"/>
                    </a:ext>
                  </a:extLst>
                </p:cNvPr>
                <p:cNvSpPr/>
                <p:nvPr/>
              </p:nvSpPr>
              <p:spPr>
                <a:xfrm>
                  <a:off x="1750030" y="5197858"/>
                  <a:ext cx="14884" cy="64002"/>
                </a:xfrm>
                <a:custGeom>
                  <a:avLst/>
                  <a:gdLst>
                    <a:gd name="connsiteX0" fmla="*/ 0 w 14884"/>
                    <a:gd name="connsiteY0" fmla="*/ 0 h 64002"/>
                    <a:gd name="connsiteX1" fmla="*/ 0 w 14884"/>
                    <a:gd name="connsiteY1" fmla="*/ 64002 h 64002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</a:cxnLst>
                  <a:rect l="l" t="t" r="r" b="b"/>
                  <a:pathLst>
                    <a:path w="14884" h="64002">
                      <a:moveTo>
                        <a:pt x="0" y="0"/>
                      </a:moveTo>
                      <a:lnTo>
                        <a:pt x="0" y="64002"/>
                      </a:lnTo>
                    </a:path>
                  </a:pathLst>
                </a:custGeom>
                <a:ln w="19050" cap="rnd">
                  <a:solidFill>
                    <a:schemeClr val="bg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675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endParaRPr>
                </a:p>
              </p:txBody>
            </p:sp>
            <p:sp>
              <p:nvSpPr>
                <p:cNvPr id="121" name="Freeform: Shape 120">
                  <a:extLst>
                    <a:ext uri="{FF2B5EF4-FFF2-40B4-BE49-F238E27FC236}">
                      <a16:creationId xmlns:a16="http://schemas.microsoft.com/office/drawing/2014/main" id="{F710A0B7-F278-A13E-50A2-BF3C7934A0AC}"/>
                    </a:ext>
                  </a:extLst>
                </p:cNvPr>
                <p:cNvSpPr/>
                <p:nvPr/>
              </p:nvSpPr>
              <p:spPr>
                <a:xfrm>
                  <a:off x="1870593" y="5197858"/>
                  <a:ext cx="14884" cy="64002"/>
                </a:xfrm>
                <a:custGeom>
                  <a:avLst/>
                  <a:gdLst>
                    <a:gd name="connsiteX0" fmla="*/ 0 w 14884"/>
                    <a:gd name="connsiteY0" fmla="*/ 0 h 64002"/>
                    <a:gd name="connsiteX1" fmla="*/ 0 w 14884"/>
                    <a:gd name="connsiteY1" fmla="*/ 64002 h 64002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</a:cxnLst>
                  <a:rect l="l" t="t" r="r" b="b"/>
                  <a:pathLst>
                    <a:path w="14884" h="64002">
                      <a:moveTo>
                        <a:pt x="0" y="0"/>
                      </a:moveTo>
                      <a:lnTo>
                        <a:pt x="0" y="64002"/>
                      </a:lnTo>
                    </a:path>
                  </a:pathLst>
                </a:custGeom>
                <a:ln w="19050" cap="rnd">
                  <a:solidFill>
                    <a:schemeClr val="bg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675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111" name="Freeform: Shape 110">
                <a:extLst>
                  <a:ext uri="{FF2B5EF4-FFF2-40B4-BE49-F238E27FC236}">
                    <a16:creationId xmlns:a16="http://schemas.microsoft.com/office/drawing/2014/main" id="{A2108445-6AA5-617B-0463-2D4BA90B71CB}"/>
                  </a:ext>
                </a:extLst>
              </p:cNvPr>
              <p:cNvSpPr/>
              <p:nvPr/>
            </p:nvSpPr>
            <p:spPr>
              <a:xfrm>
                <a:off x="1907803" y="5066877"/>
                <a:ext cx="217310" cy="263451"/>
              </a:xfrm>
              <a:custGeom>
                <a:avLst/>
                <a:gdLst>
                  <a:gd name="connsiteX0" fmla="*/ 0 w 217310"/>
                  <a:gd name="connsiteY0" fmla="*/ 0 h 263451"/>
                  <a:gd name="connsiteX1" fmla="*/ 181588 w 217310"/>
                  <a:gd name="connsiteY1" fmla="*/ 0 h 263451"/>
                  <a:gd name="connsiteX2" fmla="*/ 181588 w 217310"/>
                  <a:gd name="connsiteY2" fmla="*/ 81864 h 263451"/>
                  <a:gd name="connsiteX3" fmla="*/ 217310 w 217310"/>
                  <a:gd name="connsiteY3" fmla="*/ 81864 h 263451"/>
                  <a:gd name="connsiteX4" fmla="*/ 217310 w 217310"/>
                  <a:gd name="connsiteY4" fmla="*/ 151820 h 263451"/>
                  <a:gd name="connsiteX5" fmla="*/ 181588 w 217310"/>
                  <a:gd name="connsiteY5" fmla="*/ 151820 h 263451"/>
                  <a:gd name="connsiteX6" fmla="*/ 181588 w 217310"/>
                  <a:gd name="connsiteY6" fmla="*/ 263452 h 26345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17310" h="263451">
                    <a:moveTo>
                      <a:pt x="0" y="0"/>
                    </a:moveTo>
                    <a:lnTo>
                      <a:pt x="181588" y="0"/>
                    </a:lnTo>
                    <a:lnTo>
                      <a:pt x="181588" y="81864"/>
                    </a:lnTo>
                    <a:lnTo>
                      <a:pt x="217310" y="81864"/>
                    </a:lnTo>
                    <a:lnTo>
                      <a:pt x="217310" y="151820"/>
                    </a:lnTo>
                    <a:lnTo>
                      <a:pt x="181588" y="151820"/>
                    </a:lnTo>
                    <a:lnTo>
                      <a:pt x="181588" y="263452"/>
                    </a:ln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75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12" name="Freeform: Shape 111">
                <a:extLst>
                  <a:ext uri="{FF2B5EF4-FFF2-40B4-BE49-F238E27FC236}">
                    <a16:creationId xmlns:a16="http://schemas.microsoft.com/office/drawing/2014/main" id="{901E1750-7881-0017-1735-944F82FC2364}"/>
                  </a:ext>
                </a:extLst>
              </p:cNvPr>
              <p:cNvSpPr/>
              <p:nvPr/>
            </p:nvSpPr>
            <p:spPr>
              <a:xfrm>
                <a:off x="2047715" y="4931430"/>
                <a:ext cx="14884" cy="126516"/>
              </a:xfrm>
              <a:custGeom>
                <a:avLst/>
                <a:gdLst>
                  <a:gd name="connsiteX0" fmla="*/ 0 w 14884"/>
                  <a:gd name="connsiteY0" fmla="*/ 0 h 126516"/>
                  <a:gd name="connsiteX1" fmla="*/ 0 w 14884"/>
                  <a:gd name="connsiteY1" fmla="*/ 126516 h 12651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4884" h="126516">
                    <a:moveTo>
                      <a:pt x="0" y="0"/>
                    </a:moveTo>
                    <a:lnTo>
                      <a:pt x="0" y="126516"/>
                    </a:lnTo>
                  </a:path>
                </a:pathLst>
              </a:custGeom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75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13" name="Freeform: Shape 112">
                <a:extLst>
                  <a:ext uri="{FF2B5EF4-FFF2-40B4-BE49-F238E27FC236}">
                    <a16:creationId xmlns:a16="http://schemas.microsoft.com/office/drawing/2014/main" id="{7AE1C9FB-27E5-0FEA-4994-3115BCE533D1}"/>
                  </a:ext>
                </a:extLst>
              </p:cNvPr>
              <p:cNvSpPr/>
              <p:nvPr/>
            </p:nvSpPr>
            <p:spPr>
              <a:xfrm>
                <a:off x="1986690" y="5004363"/>
                <a:ext cx="14884" cy="53583"/>
              </a:xfrm>
              <a:custGeom>
                <a:avLst/>
                <a:gdLst>
                  <a:gd name="connsiteX0" fmla="*/ 0 w 14884"/>
                  <a:gd name="connsiteY0" fmla="*/ 0 h 53583"/>
                  <a:gd name="connsiteX1" fmla="*/ 0 w 14884"/>
                  <a:gd name="connsiteY1" fmla="*/ 53583 h 5358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4884" h="53583">
                    <a:moveTo>
                      <a:pt x="0" y="0"/>
                    </a:moveTo>
                    <a:lnTo>
                      <a:pt x="0" y="53583"/>
                    </a:lnTo>
                  </a:path>
                </a:pathLst>
              </a:custGeom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75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14" name="Freeform: Shape 113">
                <a:extLst>
                  <a:ext uri="{FF2B5EF4-FFF2-40B4-BE49-F238E27FC236}">
                    <a16:creationId xmlns:a16="http://schemas.microsoft.com/office/drawing/2014/main" id="{98A83525-13BA-C305-8DCF-49FF4F8B408B}"/>
                  </a:ext>
                </a:extLst>
              </p:cNvPr>
              <p:cNvSpPr/>
              <p:nvPr/>
            </p:nvSpPr>
            <p:spPr>
              <a:xfrm>
                <a:off x="1327317" y="5293118"/>
                <a:ext cx="797797" cy="214333"/>
              </a:xfrm>
              <a:custGeom>
                <a:avLst/>
                <a:gdLst>
                  <a:gd name="connsiteX0" fmla="*/ 138424 w 797797"/>
                  <a:gd name="connsiteY0" fmla="*/ 214334 h 214333"/>
                  <a:gd name="connsiteX1" fmla="*/ 0 w 797797"/>
                  <a:gd name="connsiteY1" fmla="*/ 0 h 214333"/>
                  <a:gd name="connsiteX2" fmla="*/ 324477 w 797797"/>
                  <a:gd name="connsiteY2" fmla="*/ 0 h 214333"/>
                  <a:gd name="connsiteX3" fmla="*/ 409318 w 797797"/>
                  <a:gd name="connsiteY3" fmla="*/ 35722 h 214333"/>
                  <a:gd name="connsiteX4" fmla="*/ 797797 w 797797"/>
                  <a:gd name="connsiteY4" fmla="*/ 35722 h 214333"/>
                  <a:gd name="connsiteX5" fmla="*/ 797797 w 797797"/>
                  <a:gd name="connsiteY5" fmla="*/ 144377 h 214333"/>
                  <a:gd name="connsiteX6" fmla="*/ 787378 w 797797"/>
                  <a:gd name="connsiteY6" fmla="*/ 200938 h 21433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797797" h="214333">
                    <a:moveTo>
                      <a:pt x="138424" y="214334"/>
                    </a:moveTo>
                    <a:cubicBezTo>
                      <a:pt x="138424" y="110144"/>
                      <a:pt x="0" y="110144"/>
                      <a:pt x="0" y="0"/>
                    </a:cubicBezTo>
                    <a:lnTo>
                      <a:pt x="324477" y="0"/>
                    </a:lnTo>
                    <a:lnTo>
                      <a:pt x="409318" y="35722"/>
                    </a:lnTo>
                    <a:cubicBezTo>
                      <a:pt x="409318" y="35722"/>
                      <a:pt x="744214" y="35722"/>
                      <a:pt x="797797" y="35722"/>
                    </a:cubicBezTo>
                    <a:lnTo>
                      <a:pt x="797797" y="144377"/>
                    </a:lnTo>
                    <a:cubicBezTo>
                      <a:pt x="797797" y="171169"/>
                      <a:pt x="796309" y="187542"/>
                      <a:pt x="787378" y="200938"/>
                    </a:cubicBez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75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15" name="Freeform: Shape 114">
                <a:extLst>
                  <a:ext uri="{FF2B5EF4-FFF2-40B4-BE49-F238E27FC236}">
                    <a16:creationId xmlns:a16="http://schemas.microsoft.com/office/drawing/2014/main" id="{484A723E-2B99-EF41-55AF-F555A7411916}"/>
                  </a:ext>
                </a:extLst>
              </p:cNvPr>
              <p:cNvSpPr/>
              <p:nvPr/>
            </p:nvSpPr>
            <p:spPr>
              <a:xfrm>
                <a:off x="1430018" y="5476669"/>
                <a:ext cx="733794" cy="57574"/>
              </a:xfrm>
              <a:custGeom>
                <a:avLst/>
                <a:gdLst>
                  <a:gd name="connsiteX0" fmla="*/ 0 w 733794"/>
                  <a:gd name="connsiteY0" fmla="*/ 57574 h 57574"/>
                  <a:gd name="connsiteX1" fmla="*/ 59537 w 733794"/>
                  <a:gd name="connsiteY1" fmla="*/ 9944 h 57574"/>
                  <a:gd name="connsiteX2" fmla="*/ 102701 w 733794"/>
                  <a:gd name="connsiteY2" fmla="*/ 12921 h 57574"/>
                  <a:gd name="connsiteX3" fmla="*/ 125028 w 733794"/>
                  <a:gd name="connsiteY3" fmla="*/ 35248 h 57574"/>
                  <a:gd name="connsiteX4" fmla="*/ 169681 w 733794"/>
                  <a:gd name="connsiteY4" fmla="*/ 38225 h 57574"/>
                  <a:gd name="connsiteX5" fmla="*/ 203915 w 733794"/>
                  <a:gd name="connsiteY5" fmla="*/ 9944 h 57574"/>
                  <a:gd name="connsiteX6" fmla="*/ 247079 w 733794"/>
                  <a:gd name="connsiteY6" fmla="*/ 11433 h 57574"/>
                  <a:gd name="connsiteX7" fmla="*/ 272382 w 733794"/>
                  <a:gd name="connsiteY7" fmla="*/ 35248 h 57574"/>
                  <a:gd name="connsiteX8" fmla="*/ 317035 w 733794"/>
                  <a:gd name="connsiteY8" fmla="*/ 36736 h 57574"/>
                  <a:gd name="connsiteX9" fmla="*/ 348292 w 733794"/>
                  <a:gd name="connsiteY9" fmla="*/ 9944 h 57574"/>
                  <a:gd name="connsiteX10" fmla="*/ 391456 w 733794"/>
                  <a:gd name="connsiteY10" fmla="*/ 9944 h 57574"/>
                  <a:gd name="connsiteX11" fmla="*/ 419737 w 733794"/>
                  <a:gd name="connsiteY11" fmla="*/ 35248 h 57574"/>
                  <a:gd name="connsiteX12" fmla="*/ 462901 w 733794"/>
                  <a:gd name="connsiteY12" fmla="*/ 35248 h 57574"/>
                  <a:gd name="connsiteX13" fmla="*/ 489693 w 733794"/>
                  <a:gd name="connsiteY13" fmla="*/ 9944 h 57574"/>
                  <a:gd name="connsiteX14" fmla="*/ 532857 w 733794"/>
                  <a:gd name="connsiteY14" fmla="*/ 8456 h 57574"/>
                  <a:gd name="connsiteX15" fmla="*/ 564114 w 733794"/>
                  <a:gd name="connsiteY15" fmla="*/ 35248 h 57574"/>
                  <a:gd name="connsiteX16" fmla="*/ 608767 w 733794"/>
                  <a:gd name="connsiteY16" fmla="*/ 33759 h 57574"/>
                  <a:gd name="connsiteX17" fmla="*/ 632582 w 733794"/>
                  <a:gd name="connsiteY17" fmla="*/ 9944 h 57574"/>
                  <a:gd name="connsiteX18" fmla="*/ 675746 w 733794"/>
                  <a:gd name="connsiteY18" fmla="*/ 6967 h 57574"/>
                  <a:gd name="connsiteX19" fmla="*/ 733795 w 733794"/>
                  <a:gd name="connsiteY19" fmla="*/ 53109 h 575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</a:cxnLst>
                <a:rect l="l" t="t" r="r" b="b"/>
                <a:pathLst>
                  <a:path w="733794" h="57574">
                    <a:moveTo>
                      <a:pt x="0" y="57574"/>
                    </a:moveTo>
                    <a:lnTo>
                      <a:pt x="59537" y="9944"/>
                    </a:lnTo>
                    <a:cubicBezTo>
                      <a:pt x="72933" y="-475"/>
                      <a:pt x="90794" y="1014"/>
                      <a:pt x="102701" y="12921"/>
                    </a:cubicBezTo>
                    <a:lnTo>
                      <a:pt x="125028" y="35248"/>
                    </a:lnTo>
                    <a:cubicBezTo>
                      <a:pt x="136935" y="47155"/>
                      <a:pt x="156285" y="48644"/>
                      <a:pt x="169681" y="38225"/>
                    </a:cubicBezTo>
                    <a:lnTo>
                      <a:pt x="203915" y="9944"/>
                    </a:lnTo>
                    <a:cubicBezTo>
                      <a:pt x="217310" y="-475"/>
                      <a:pt x="235172" y="-475"/>
                      <a:pt x="247079" y="11433"/>
                    </a:cubicBezTo>
                    <a:lnTo>
                      <a:pt x="272382" y="35248"/>
                    </a:lnTo>
                    <a:cubicBezTo>
                      <a:pt x="285778" y="47155"/>
                      <a:pt x="303639" y="47155"/>
                      <a:pt x="317035" y="36736"/>
                    </a:cubicBezTo>
                    <a:lnTo>
                      <a:pt x="348292" y="9944"/>
                    </a:lnTo>
                    <a:cubicBezTo>
                      <a:pt x="361688" y="-1963"/>
                      <a:pt x="378061" y="-475"/>
                      <a:pt x="391456" y="9944"/>
                    </a:cubicBezTo>
                    <a:lnTo>
                      <a:pt x="419737" y="35248"/>
                    </a:lnTo>
                    <a:cubicBezTo>
                      <a:pt x="433132" y="47155"/>
                      <a:pt x="450994" y="47155"/>
                      <a:pt x="462901" y="35248"/>
                    </a:cubicBezTo>
                    <a:lnTo>
                      <a:pt x="489693" y="9944"/>
                    </a:lnTo>
                    <a:cubicBezTo>
                      <a:pt x="503089" y="-1963"/>
                      <a:pt x="519461" y="-1963"/>
                      <a:pt x="532857" y="8456"/>
                    </a:cubicBezTo>
                    <a:lnTo>
                      <a:pt x="564114" y="35248"/>
                    </a:lnTo>
                    <a:cubicBezTo>
                      <a:pt x="577510" y="47155"/>
                      <a:pt x="595371" y="45667"/>
                      <a:pt x="608767" y="33759"/>
                    </a:cubicBezTo>
                    <a:lnTo>
                      <a:pt x="632582" y="9944"/>
                    </a:lnTo>
                    <a:cubicBezTo>
                      <a:pt x="644489" y="-1963"/>
                      <a:pt x="662350" y="-3451"/>
                      <a:pt x="675746" y="6967"/>
                    </a:cubicBezTo>
                    <a:lnTo>
                      <a:pt x="733795" y="53109"/>
                    </a:ln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75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16" name="Freeform: Shape 115">
                <a:extLst>
                  <a:ext uri="{FF2B5EF4-FFF2-40B4-BE49-F238E27FC236}">
                    <a16:creationId xmlns:a16="http://schemas.microsoft.com/office/drawing/2014/main" id="{F8D3FCAB-4AB5-1E94-3ADC-AAE931D61857}"/>
                  </a:ext>
                </a:extLst>
              </p:cNvPr>
              <p:cNvSpPr/>
              <p:nvPr/>
            </p:nvSpPr>
            <p:spPr>
              <a:xfrm>
                <a:off x="1272245" y="5605055"/>
                <a:ext cx="778447" cy="60169"/>
              </a:xfrm>
              <a:custGeom>
                <a:avLst/>
                <a:gdLst>
                  <a:gd name="connsiteX0" fmla="*/ 0 w 778447"/>
                  <a:gd name="connsiteY0" fmla="*/ 27424 h 60169"/>
                  <a:gd name="connsiteX1" fmla="*/ 17861 w 778447"/>
                  <a:gd name="connsiteY1" fmla="*/ 14028 h 60169"/>
                  <a:gd name="connsiteX2" fmla="*/ 66979 w 778447"/>
                  <a:gd name="connsiteY2" fmla="*/ 17005 h 60169"/>
                  <a:gd name="connsiteX3" fmla="*/ 92283 w 778447"/>
                  <a:gd name="connsiteY3" fmla="*/ 42308 h 60169"/>
                  <a:gd name="connsiteX4" fmla="*/ 141401 w 778447"/>
                  <a:gd name="connsiteY4" fmla="*/ 45285 h 60169"/>
                  <a:gd name="connsiteX5" fmla="*/ 178611 w 778447"/>
                  <a:gd name="connsiteY5" fmla="*/ 14028 h 60169"/>
                  <a:gd name="connsiteX6" fmla="*/ 227729 w 778447"/>
                  <a:gd name="connsiteY6" fmla="*/ 15516 h 60169"/>
                  <a:gd name="connsiteX7" fmla="*/ 257498 w 778447"/>
                  <a:gd name="connsiteY7" fmla="*/ 42308 h 60169"/>
                  <a:gd name="connsiteX8" fmla="*/ 306616 w 778447"/>
                  <a:gd name="connsiteY8" fmla="*/ 43796 h 60169"/>
                  <a:gd name="connsiteX9" fmla="*/ 340850 w 778447"/>
                  <a:gd name="connsiteY9" fmla="*/ 14028 h 60169"/>
                  <a:gd name="connsiteX10" fmla="*/ 389968 w 778447"/>
                  <a:gd name="connsiteY10" fmla="*/ 14028 h 60169"/>
                  <a:gd name="connsiteX11" fmla="*/ 422713 w 778447"/>
                  <a:gd name="connsiteY11" fmla="*/ 42308 h 60169"/>
                  <a:gd name="connsiteX12" fmla="*/ 471832 w 778447"/>
                  <a:gd name="connsiteY12" fmla="*/ 40819 h 60169"/>
                  <a:gd name="connsiteX13" fmla="*/ 503088 w 778447"/>
                  <a:gd name="connsiteY13" fmla="*/ 12539 h 60169"/>
                  <a:gd name="connsiteX14" fmla="*/ 552207 w 778447"/>
                  <a:gd name="connsiteY14" fmla="*/ 11051 h 60169"/>
                  <a:gd name="connsiteX15" fmla="*/ 587929 w 778447"/>
                  <a:gd name="connsiteY15" fmla="*/ 40819 h 60169"/>
                  <a:gd name="connsiteX16" fmla="*/ 637047 w 778447"/>
                  <a:gd name="connsiteY16" fmla="*/ 37843 h 60169"/>
                  <a:gd name="connsiteX17" fmla="*/ 663839 w 778447"/>
                  <a:gd name="connsiteY17" fmla="*/ 11051 h 60169"/>
                  <a:gd name="connsiteX18" fmla="*/ 712957 w 778447"/>
                  <a:gd name="connsiteY18" fmla="*/ 8074 h 60169"/>
                  <a:gd name="connsiteX19" fmla="*/ 778448 w 778447"/>
                  <a:gd name="connsiteY19" fmla="*/ 60169 h 601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</a:cxnLst>
                <a:rect l="l" t="t" r="r" b="b"/>
                <a:pathLst>
                  <a:path w="778447" h="60169">
                    <a:moveTo>
                      <a:pt x="0" y="27424"/>
                    </a:moveTo>
                    <a:lnTo>
                      <a:pt x="17861" y="14028"/>
                    </a:lnTo>
                    <a:cubicBezTo>
                      <a:pt x="32745" y="2120"/>
                      <a:pt x="52095" y="3609"/>
                      <a:pt x="66979" y="17005"/>
                    </a:cubicBezTo>
                    <a:lnTo>
                      <a:pt x="92283" y="42308"/>
                    </a:lnTo>
                    <a:cubicBezTo>
                      <a:pt x="107167" y="57192"/>
                      <a:pt x="126516" y="57192"/>
                      <a:pt x="141401" y="45285"/>
                    </a:cubicBezTo>
                    <a:lnTo>
                      <a:pt x="178611" y="14028"/>
                    </a:lnTo>
                    <a:cubicBezTo>
                      <a:pt x="193496" y="2120"/>
                      <a:pt x="212845" y="2120"/>
                      <a:pt x="227729" y="15516"/>
                    </a:cubicBezTo>
                    <a:lnTo>
                      <a:pt x="257498" y="42308"/>
                    </a:lnTo>
                    <a:cubicBezTo>
                      <a:pt x="272382" y="55704"/>
                      <a:pt x="291732" y="55704"/>
                      <a:pt x="306616" y="43796"/>
                    </a:cubicBezTo>
                    <a:lnTo>
                      <a:pt x="340850" y="14028"/>
                    </a:lnTo>
                    <a:cubicBezTo>
                      <a:pt x="355734" y="632"/>
                      <a:pt x="375084" y="632"/>
                      <a:pt x="389968" y="14028"/>
                    </a:cubicBezTo>
                    <a:lnTo>
                      <a:pt x="422713" y="42308"/>
                    </a:lnTo>
                    <a:cubicBezTo>
                      <a:pt x="437598" y="55704"/>
                      <a:pt x="458436" y="55704"/>
                      <a:pt x="471832" y="40819"/>
                    </a:cubicBezTo>
                    <a:lnTo>
                      <a:pt x="503088" y="12539"/>
                    </a:lnTo>
                    <a:cubicBezTo>
                      <a:pt x="517973" y="-856"/>
                      <a:pt x="537322" y="-856"/>
                      <a:pt x="552207" y="11051"/>
                    </a:cubicBezTo>
                    <a:lnTo>
                      <a:pt x="587929" y="40819"/>
                    </a:lnTo>
                    <a:cubicBezTo>
                      <a:pt x="602813" y="52727"/>
                      <a:pt x="623651" y="52727"/>
                      <a:pt x="637047" y="37843"/>
                    </a:cubicBezTo>
                    <a:lnTo>
                      <a:pt x="663839" y="11051"/>
                    </a:lnTo>
                    <a:cubicBezTo>
                      <a:pt x="677235" y="-2345"/>
                      <a:pt x="698073" y="-3833"/>
                      <a:pt x="712957" y="8074"/>
                    </a:cubicBezTo>
                    <a:lnTo>
                      <a:pt x="778448" y="60169"/>
                    </a:ln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75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17" name="Freeform: Shape 116">
                <a:extLst>
                  <a:ext uri="{FF2B5EF4-FFF2-40B4-BE49-F238E27FC236}">
                    <a16:creationId xmlns:a16="http://schemas.microsoft.com/office/drawing/2014/main" id="{7310E40A-5F90-CB1C-EF5A-B0898B534C55}"/>
                  </a:ext>
                </a:extLst>
              </p:cNvPr>
              <p:cNvSpPr/>
              <p:nvPr/>
            </p:nvSpPr>
            <p:spPr>
              <a:xfrm>
                <a:off x="1599699" y="5367539"/>
                <a:ext cx="35722" cy="14884"/>
              </a:xfrm>
              <a:custGeom>
                <a:avLst/>
                <a:gdLst>
                  <a:gd name="connsiteX0" fmla="*/ 0 w 35722"/>
                  <a:gd name="connsiteY0" fmla="*/ 0 h 14884"/>
                  <a:gd name="connsiteX1" fmla="*/ 35722 w 35722"/>
                  <a:gd name="connsiteY1" fmla="*/ 0 h 1488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35722" h="14884">
                    <a:moveTo>
                      <a:pt x="0" y="0"/>
                    </a:moveTo>
                    <a:lnTo>
                      <a:pt x="35722" y="0"/>
                    </a:lnTo>
                  </a:path>
                </a:pathLst>
              </a:custGeom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75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  <p:grpSp>
          <p:nvGrpSpPr>
            <p:cNvPr id="94" name="Graphic 776">
              <a:extLst>
                <a:ext uri="{FF2B5EF4-FFF2-40B4-BE49-F238E27FC236}">
                  <a16:creationId xmlns:a16="http://schemas.microsoft.com/office/drawing/2014/main" id="{59563882-AAD3-FFAA-E317-8F5B47EEE276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8285267" y="4384684"/>
              <a:ext cx="1092318" cy="1086146"/>
              <a:chOff x="1300163" y="2459473"/>
              <a:chExt cx="838101" cy="833365"/>
            </a:xfrm>
          </p:grpSpPr>
          <p:sp>
            <p:nvSpPr>
              <p:cNvPr id="95" name="Freeform: Shape 94">
                <a:extLst>
                  <a:ext uri="{FF2B5EF4-FFF2-40B4-BE49-F238E27FC236}">
                    <a16:creationId xmlns:a16="http://schemas.microsoft.com/office/drawing/2014/main" id="{9486AF83-10A4-B49A-6D74-5BCF74987417}"/>
                  </a:ext>
                </a:extLst>
              </p:cNvPr>
              <p:cNvSpPr/>
              <p:nvPr/>
            </p:nvSpPr>
            <p:spPr>
              <a:xfrm>
                <a:off x="1987043" y="2919261"/>
                <a:ext cx="49378" cy="67052"/>
              </a:xfrm>
              <a:custGeom>
                <a:avLst/>
                <a:gdLst>
                  <a:gd name="connsiteX0" fmla="*/ 49328 w 49378"/>
                  <a:gd name="connsiteY0" fmla="*/ 5474 h 67052"/>
                  <a:gd name="connsiteX1" fmla="*/ 23328 w 49378"/>
                  <a:gd name="connsiteY1" fmla="*/ 67052 h 67052"/>
                  <a:gd name="connsiteX2" fmla="*/ 65 w 49378"/>
                  <a:gd name="connsiteY2" fmla="*/ 0 h 670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9378" h="67052">
                    <a:moveTo>
                      <a:pt x="49328" y="5474"/>
                    </a:moveTo>
                    <a:cubicBezTo>
                      <a:pt x="50697" y="41053"/>
                      <a:pt x="23328" y="67052"/>
                      <a:pt x="23328" y="67052"/>
                    </a:cubicBezTo>
                    <a:cubicBezTo>
                      <a:pt x="19223" y="64316"/>
                      <a:pt x="-1303" y="35579"/>
                      <a:pt x="65" y="0"/>
                    </a:cubicBez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75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96" name="Freeform: Shape 95">
                <a:extLst>
                  <a:ext uri="{FF2B5EF4-FFF2-40B4-BE49-F238E27FC236}">
                    <a16:creationId xmlns:a16="http://schemas.microsoft.com/office/drawing/2014/main" id="{36B38704-59E3-FEEE-377B-9A3952166B10}"/>
                  </a:ext>
                </a:extLst>
              </p:cNvPr>
              <p:cNvSpPr/>
              <p:nvPr/>
            </p:nvSpPr>
            <p:spPr>
              <a:xfrm>
                <a:off x="1985740" y="2764630"/>
                <a:ext cx="60210" cy="69789"/>
              </a:xfrm>
              <a:custGeom>
                <a:avLst/>
                <a:gdLst>
                  <a:gd name="connsiteX0" fmla="*/ 60210 w 60210"/>
                  <a:gd name="connsiteY0" fmla="*/ 69789 h 69789"/>
                  <a:gd name="connsiteX1" fmla="*/ 60210 w 60210"/>
                  <a:gd name="connsiteY1" fmla="*/ 17789 h 69789"/>
                  <a:gd name="connsiteX2" fmla="*/ 43789 w 60210"/>
                  <a:gd name="connsiteY2" fmla="*/ 0 h 69789"/>
                  <a:gd name="connsiteX3" fmla="*/ 16421 w 60210"/>
                  <a:gd name="connsiteY3" fmla="*/ 0 h 69789"/>
                  <a:gd name="connsiteX4" fmla="*/ 0 w 60210"/>
                  <a:gd name="connsiteY4" fmla="*/ 17789 h 69789"/>
                  <a:gd name="connsiteX5" fmla="*/ 0 w 60210"/>
                  <a:gd name="connsiteY5" fmla="*/ 47895 h 697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60210" h="69789">
                    <a:moveTo>
                      <a:pt x="60210" y="69789"/>
                    </a:moveTo>
                    <a:lnTo>
                      <a:pt x="60210" y="17789"/>
                    </a:lnTo>
                    <a:cubicBezTo>
                      <a:pt x="60210" y="8211"/>
                      <a:pt x="52000" y="0"/>
                      <a:pt x="43789" y="0"/>
                    </a:cubicBezTo>
                    <a:lnTo>
                      <a:pt x="16421" y="0"/>
                    </a:lnTo>
                    <a:cubicBezTo>
                      <a:pt x="6842" y="0"/>
                      <a:pt x="0" y="8211"/>
                      <a:pt x="0" y="17789"/>
                    </a:cubicBezTo>
                    <a:lnTo>
                      <a:pt x="0" y="47895"/>
                    </a:ln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75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97" name="Freeform: Shape 96">
                <a:extLst>
                  <a:ext uri="{FF2B5EF4-FFF2-40B4-BE49-F238E27FC236}">
                    <a16:creationId xmlns:a16="http://schemas.microsoft.com/office/drawing/2014/main" id="{9BC3AF0B-3A98-D426-C4BE-76CFFF71B1AA}"/>
                  </a:ext>
                </a:extLst>
              </p:cNvPr>
              <p:cNvSpPr/>
              <p:nvPr/>
            </p:nvSpPr>
            <p:spPr>
              <a:xfrm>
                <a:off x="1417797" y="2919261"/>
                <a:ext cx="49378" cy="67052"/>
              </a:xfrm>
              <a:custGeom>
                <a:avLst/>
                <a:gdLst>
                  <a:gd name="connsiteX0" fmla="*/ 50 w 49378"/>
                  <a:gd name="connsiteY0" fmla="*/ 5474 h 67052"/>
                  <a:gd name="connsiteX1" fmla="*/ 26050 w 49378"/>
                  <a:gd name="connsiteY1" fmla="*/ 67052 h 67052"/>
                  <a:gd name="connsiteX2" fmla="*/ 49313 w 49378"/>
                  <a:gd name="connsiteY2" fmla="*/ 0 h 670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9378" h="67052">
                    <a:moveTo>
                      <a:pt x="50" y="5474"/>
                    </a:moveTo>
                    <a:cubicBezTo>
                      <a:pt x="-1319" y="41053"/>
                      <a:pt x="26050" y="67052"/>
                      <a:pt x="26050" y="67052"/>
                    </a:cubicBezTo>
                    <a:cubicBezTo>
                      <a:pt x="30155" y="64316"/>
                      <a:pt x="50681" y="35579"/>
                      <a:pt x="49313" y="0"/>
                    </a:cubicBez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75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98" name="Freeform: Shape 97">
                <a:extLst>
                  <a:ext uri="{FF2B5EF4-FFF2-40B4-BE49-F238E27FC236}">
                    <a16:creationId xmlns:a16="http://schemas.microsoft.com/office/drawing/2014/main" id="{6158E2AD-D955-1396-F761-C5864152B5A8}"/>
                  </a:ext>
                </a:extLst>
              </p:cNvPr>
              <p:cNvSpPr/>
              <p:nvPr/>
            </p:nvSpPr>
            <p:spPr>
              <a:xfrm>
                <a:off x="1408268" y="2764630"/>
                <a:ext cx="60210" cy="69789"/>
              </a:xfrm>
              <a:custGeom>
                <a:avLst/>
                <a:gdLst>
                  <a:gd name="connsiteX0" fmla="*/ 0 w 60210"/>
                  <a:gd name="connsiteY0" fmla="*/ 69789 h 69789"/>
                  <a:gd name="connsiteX1" fmla="*/ 0 w 60210"/>
                  <a:gd name="connsiteY1" fmla="*/ 17789 h 69789"/>
                  <a:gd name="connsiteX2" fmla="*/ 16421 w 60210"/>
                  <a:gd name="connsiteY2" fmla="*/ 0 h 69789"/>
                  <a:gd name="connsiteX3" fmla="*/ 43789 w 60210"/>
                  <a:gd name="connsiteY3" fmla="*/ 0 h 69789"/>
                  <a:gd name="connsiteX4" fmla="*/ 60210 w 60210"/>
                  <a:gd name="connsiteY4" fmla="*/ 17789 h 69789"/>
                  <a:gd name="connsiteX5" fmla="*/ 60210 w 60210"/>
                  <a:gd name="connsiteY5" fmla="*/ 47895 h 697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60210" h="69789">
                    <a:moveTo>
                      <a:pt x="0" y="69789"/>
                    </a:moveTo>
                    <a:lnTo>
                      <a:pt x="0" y="17789"/>
                    </a:lnTo>
                    <a:cubicBezTo>
                      <a:pt x="0" y="8211"/>
                      <a:pt x="8211" y="0"/>
                      <a:pt x="16421" y="0"/>
                    </a:cubicBezTo>
                    <a:lnTo>
                      <a:pt x="43789" y="0"/>
                    </a:lnTo>
                    <a:cubicBezTo>
                      <a:pt x="53368" y="0"/>
                      <a:pt x="60210" y="8211"/>
                      <a:pt x="60210" y="17789"/>
                    </a:cubicBezTo>
                    <a:lnTo>
                      <a:pt x="60210" y="47895"/>
                    </a:ln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75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99" name="Freeform: Shape 98">
                <a:extLst>
                  <a:ext uri="{FF2B5EF4-FFF2-40B4-BE49-F238E27FC236}">
                    <a16:creationId xmlns:a16="http://schemas.microsoft.com/office/drawing/2014/main" id="{E1F165BC-EBEE-AB45-D205-2A35194D20E6}"/>
                  </a:ext>
                </a:extLst>
              </p:cNvPr>
              <p:cNvSpPr/>
              <p:nvPr/>
            </p:nvSpPr>
            <p:spPr>
              <a:xfrm>
                <a:off x="1313216" y="2750945"/>
                <a:ext cx="324945" cy="187473"/>
              </a:xfrm>
              <a:custGeom>
                <a:avLst/>
                <a:gdLst>
                  <a:gd name="connsiteX0" fmla="*/ 324945 w 324945"/>
                  <a:gd name="connsiteY0" fmla="*/ 0 h 187473"/>
                  <a:gd name="connsiteX1" fmla="*/ 30736 w 324945"/>
                  <a:gd name="connsiteY1" fmla="*/ 113579 h 187473"/>
                  <a:gd name="connsiteX2" fmla="*/ 4736 w 324945"/>
                  <a:gd name="connsiteY2" fmla="*/ 187473 h 187473"/>
                  <a:gd name="connsiteX3" fmla="*/ 227788 w 324945"/>
                  <a:gd name="connsiteY3" fmla="*/ 156000 h 187473"/>
                  <a:gd name="connsiteX4" fmla="*/ 324945 w 324945"/>
                  <a:gd name="connsiteY4" fmla="*/ 160105 h 187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4945" h="187473">
                    <a:moveTo>
                      <a:pt x="324945" y="0"/>
                    </a:moveTo>
                    <a:lnTo>
                      <a:pt x="30736" y="113579"/>
                    </a:lnTo>
                    <a:cubicBezTo>
                      <a:pt x="30736" y="113579"/>
                      <a:pt x="-14422" y="135473"/>
                      <a:pt x="4736" y="187473"/>
                    </a:cubicBezTo>
                    <a:cubicBezTo>
                      <a:pt x="227788" y="156000"/>
                      <a:pt x="227788" y="156000"/>
                      <a:pt x="227788" y="156000"/>
                    </a:cubicBezTo>
                    <a:lnTo>
                      <a:pt x="324945" y="160105"/>
                    </a:ln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75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00" name="Freeform: Shape 99">
                <a:extLst>
                  <a:ext uri="{FF2B5EF4-FFF2-40B4-BE49-F238E27FC236}">
                    <a16:creationId xmlns:a16="http://schemas.microsoft.com/office/drawing/2014/main" id="{E4B084CB-B724-568C-9410-C1964D618F0B}"/>
                  </a:ext>
                </a:extLst>
              </p:cNvPr>
              <p:cNvSpPr/>
              <p:nvPr/>
            </p:nvSpPr>
            <p:spPr>
              <a:xfrm>
                <a:off x="1698372" y="3083471"/>
                <a:ext cx="54802" cy="209367"/>
              </a:xfrm>
              <a:custGeom>
                <a:avLst/>
                <a:gdLst>
                  <a:gd name="connsiteX0" fmla="*/ 31474 w 54802"/>
                  <a:gd name="connsiteY0" fmla="*/ 209368 h 209367"/>
                  <a:gd name="connsiteX1" fmla="*/ 54737 w 54802"/>
                  <a:gd name="connsiteY1" fmla="*/ 58842 h 209367"/>
                  <a:gd name="connsiteX2" fmla="*/ 27368 w 54802"/>
                  <a:gd name="connsiteY2" fmla="*/ 0 h 209367"/>
                  <a:gd name="connsiteX3" fmla="*/ 0 w 54802"/>
                  <a:gd name="connsiteY3" fmla="*/ 58842 h 209367"/>
                  <a:gd name="connsiteX4" fmla="*/ 31474 w 54802"/>
                  <a:gd name="connsiteY4" fmla="*/ 209368 h 2093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54802" h="209367">
                    <a:moveTo>
                      <a:pt x="31474" y="209368"/>
                    </a:moveTo>
                    <a:cubicBezTo>
                      <a:pt x="35579" y="203894"/>
                      <a:pt x="56105" y="138210"/>
                      <a:pt x="54737" y="58842"/>
                    </a:cubicBezTo>
                    <a:cubicBezTo>
                      <a:pt x="53368" y="6842"/>
                      <a:pt x="27368" y="0"/>
                      <a:pt x="27368" y="0"/>
                    </a:cubicBezTo>
                    <a:cubicBezTo>
                      <a:pt x="27368" y="0"/>
                      <a:pt x="1368" y="6842"/>
                      <a:pt x="0" y="58842"/>
                    </a:cubicBezTo>
                    <a:cubicBezTo>
                      <a:pt x="0" y="138210"/>
                      <a:pt x="31474" y="209368"/>
                      <a:pt x="31474" y="209368"/>
                    </a:cubicBezTo>
                    <a:close/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75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01" name="Freeform: Shape 100">
                <a:extLst>
                  <a:ext uri="{FF2B5EF4-FFF2-40B4-BE49-F238E27FC236}">
                    <a16:creationId xmlns:a16="http://schemas.microsoft.com/office/drawing/2014/main" id="{0659A842-CFE6-5BF8-9408-21488B87A77D}"/>
                  </a:ext>
                </a:extLst>
              </p:cNvPr>
              <p:cNvSpPr/>
              <p:nvPr/>
            </p:nvSpPr>
            <p:spPr>
              <a:xfrm>
                <a:off x="1571109" y="3105366"/>
                <a:ext cx="124526" cy="108104"/>
              </a:xfrm>
              <a:custGeom>
                <a:avLst/>
                <a:gdLst>
                  <a:gd name="connsiteX0" fmla="*/ 123158 w 124526"/>
                  <a:gd name="connsiteY0" fmla="*/ 0 h 108104"/>
                  <a:gd name="connsiteX1" fmla="*/ 0 w 124526"/>
                  <a:gd name="connsiteY1" fmla="*/ 57474 h 108104"/>
                  <a:gd name="connsiteX2" fmla="*/ 0 w 124526"/>
                  <a:gd name="connsiteY2" fmla="*/ 108105 h 108104"/>
                  <a:gd name="connsiteX3" fmla="*/ 124526 w 124526"/>
                  <a:gd name="connsiteY3" fmla="*/ 75263 h 10810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24526" h="108104">
                    <a:moveTo>
                      <a:pt x="123158" y="0"/>
                    </a:moveTo>
                    <a:lnTo>
                      <a:pt x="0" y="57474"/>
                    </a:lnTo>
                    <a:lnTo>
                      <a:pt x="0" y="108105"/>
                    </a:lnTo>
                    <a:lnTo>
                      <a:pt x="124526" y="75263"/>
                    </a:ln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75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02" name="Freeform: Shape 101">
                <a:extLst>
                  <a:ext uri="{FF2B5EF4-FFF2-40B4-BE49-F238E27FC236}">
                    <a16:creationId xmlns:a16="http://schemas.microsoft.com/office/drawing/2014/main" id="{A8FF9C9E-8A72-B6B8-AD29-5872CAA4DB18}"/>
                  </a:ext>
                </a:extLst>
              </p:cNvPr>
              <p:cNvSpPr/>
              <p:nvPr/>
            </p:nvSpPr>
            <p:spPr>
              <a:xfrm>
                <a:off x="1300163" y="2459473"/>
                <a:ext cx="13684" cy="13684"/>
              </a:xfrm>
              <a:custGeom>
                <a:avLst/>
                <a:gdLst/>
                <a:ahLst/>
                <a:cxnLst/>
                <a:rect l="l" t="t" r="r" b="b"/>
                <a:pathLst>
                  <a:path w="13684" h="13684"/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75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03" name="Freeform: Shape 102">
                <a:extLst>
                  <a:ext uri="{FF2B5EF4-FFF2-40B4-BE49-F238E27FC236}">
                    <a16:creationId xmlns:a16="http://schemas.microsoft.com/office/drawing/2014/main" id="{048915EE-4B82-F164-2840-BA2216C9532E}"/>
                  </a:ext>
                </a:extLst>
              </p:cNvPr>
              <p:cNvSpPr/>
              <p:nvPr/>
            </p:nvSpPr>
            <p:spPr>
              <a:xfrm>
                <a:off x="1637867" y="2473157"/>
                <a:ext cx="172854" cy="640419"/>
              </a:xfrm>
              <a:custGeom>
                <a:avLst/>
                <a:gdLst>
                  <a:gd name="connsiteX0" fmla="*/ 130295 w 172854"/>
                  <a:gd name="connsiteY0" fmla="*/ 640420 h 640419"/>
                  <a:gd name="connsiteX1" fmla="*/ 157663 w 172854"/>
                  <a:gd name="connsiteY1" fmla="*/ 577472 h 640419"/>
                  <a:gd name="connsiteX2" fmla="*/ 171347 w 172854"/>
                  <a:gd name="connsiteY2" fmla="*/ 466630 h 640419"/>
                  <a:gd name="connsiteX3" fmla="*/ 172715 w 172854"/>
                  <a:gd name="connsiteY3" fmla="*/ 264105 h 640419"/>
                  <a:gd name="connsiteX4" fmla="*/ 109768 w 172854"/>
                  <a:gd name="connsiteY4" fmla="*/ 8211 h 640419"/>
                  <a:gd name="connsiteX5" fmla="*/ 61874 w 172854"/>
                  <a:gd name="connsiteY5" fmla="*/ 8211 h 640419"/>
                  <a:gd name="connsiteX6" fmla="*/ 295 w 172854"/>
                  <a:gd name="connsiteY6" fmla="*/ 264105 h 640419"/>
                  <a:gd name="connsiteX7" fmla="*/ 1663 w 172854"/>
                  <a:gd name="connsiteY7" fmla="*/ 466630 h 640419"/>
                  <a:gd name="connsiteX8" fmla="*/ 15347 w 172854"/>
                  <a:gd name="connsiteY8" fmla="*/ 577472 h 640419"/>
                  <a:gd name="connsiteX9" fmla="*/ 42716 w 172854"/>
                  <a:gd name="connsiteY9" fmla="*/ 640420 h 64041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172854" h="640419">
                    <a:moveTo>
                      <a:pt x="130295" y="640420"/>
                    </a:moveTo>
                    <a:cubicBezTo>
                      <a:pt x="142610" y="622630"/>
                      <a:pt x="150821" y="599367"/>
                      <a:pt x="157663" y="577472"/>
                    </a:cubicBezTo>
                    <a:cubicBezTo>
                      <a:pt x="168610" y="540525"/>
                      <a:pt x="172715" y="503578"/>
                      <a:pt x="171347" y="466630"/>
                    </a:cubicBezTo>
                    <a:cubicBezTo>
                      <a:pt x="171347" y="436525"/>
                      <a:pt x="171347" y="379052"/>
                      <a:pt x="172715" y="264105"/>
                    </a:cubicBezTo>
                    <a:cubicBezTo>
                      <a:pt x="175452" y="99895"/>
                      <a:pt x="137137" y="34210"/>
                      <a:pt x="109768" y="8211"/>
                    </a:cubicBezTo>
                    <a:cubicBezTo>
                      <a:pt x="98821" y="-2737"/>
                      <a:pt x="74189" y="-2737"/>
                      <a:pt x="61874" y="8211"/>
                    </a:cubicBezTo>
                    <a:cubicBezTo>
                      <a:pt x="35874" y="34210"/>
                      <a:pt x="-3810" y="99895"/>
                      <a:pt x="295" y="264105"/>
                    </a:cubicBezTo>
                    <a:cubicBezTo>
                      <a:pt x="3032" y="379052"/>
                      <a:pt x="3032" y="437894"/>
                      <a:pt x="1663" y="466630"/>
                    </a:cubicBezTo>
                    <a:cubicBezTo>
                      <a:pt x="1663" y="503578"/>
                      <a:pt x="5769" y="540525"/>
                      <a:pt x="15347" y="577472"/>
                    </a:cubicBezTo>
                    <a:cubicBezTo>
                      <a:pt x="22190" y="599367"/>
                      <a:pt x="30400" y="622630"/>
                      <a:pt x="42716" y="640420"/>
                    </a:cubicBez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75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04" name="Freeform: Shape 103">
                <a:extLst>
                  <a:ext uri="{FF2B5EF4-FFF2-40B4-BE49-F238E27FC236}">
                    <a16:creationId xmlns:a16="http://schemas.microsoft.com/office/drawing/2014/main" id="{77559B61-54FA-3664-A558-9A1B2B68DC3C}"/>
                  </a:ext>
                </a:extLst>
              </p:cNvPr>
              <p:cNvSpPr/>
              <p:nvPr/>
            </p:nvSpPr>
            <p:spPr>
              <a:xfrm>
                <a:off x="1753109" y="3105366"/>
                <a:ext cx="121789" cy="108104"/>
              </a:xfrm>
              <a:custGeom>
                <a:avLst/>
                <a:gdLst>
                  <a:gd name="connsiteX0" fmla="*/ 0 w 121789"/>
                  <a:gd name="connsiteY0" fmla="*/ 0 h 108104"/>
                  <a:gd name="connsiteX1" fmla="*/ 121789 w 121789"/>
                  <a:gd name="connsiteY1" fmla="*/ 57474 h 108104"/>
                  <a:gd name="connsiteX2" fmla="*/ 121789 w 121789"/>
                  <a:gd name="connsiteY2" fmla="*/ 108105 h 108104"/>
                  <a:gd name="connsiteX3" fmla="*/ 5474 w 121789"/>
                  <a:gd name="connsiteY3" fmla="*/ 78000 h 10810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21789" h="108104">
                    <a:moveTo>
                      <a:pt x="0" y="0"/>
                    </a:moveTo>
                    <a:lnTo>
                      <a:pt x="121789" y="57474"/>
                    </a:lnTo>
                    <a:lnTo>
                      <a:pt x="121789" y="108105"/>
                    </a:lnTo>
                    <a:lnTo>
                      <a:pt x="5474" y="78000"/>
                    </a:ln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75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05" name="Freeform: Shape 104">
                <a:extLst>
                  <a:ext uri="{FF2B5EF4-FFF2-40B4-BE49-F238E27FC236}">
                    <a16:creationId xmlns:a16="http://schemas.microsoft.com/office/drawing/2014/main" id="{CA840AB3-CEB2-7DDB-D4FB-C32095739053}"/>
                  </a:ext>
                </a:extLst>
              </p:cNvPr>
              <p:cNvSpPr/>
              <p:nvPr/>
            </p:nvSpPr>
            <p:spPr>
              <a:xfrm>
                <a:off x="1681951" y="2559367"/>
                <a:ext cx="82105" cy="34210"/>
              </a:xfrm>
              <a:custGeom>
                <a:avLst/>
                <a:gdLst>
                  <a:gd name="connsiteX0" fmla="*/ 82105 w 82105"/>
                  <a:gd name="connsiteY0" fmla="*/ 34210 h 34210"/>
                  <a:gd name="connsiteX1" fmla="*/ 41053 w 82105"/>
                  <a:gd name="connsiteY1" fmla="*/ 0 h 34210"/>
                  <a:gd name="connsiteX2" fmla="*/ 0 w 82105"/>
                  <a:gd name="connsiteY2" fmla="*/ 34210 h 3421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2105" h="34210">
                    <a:moveTo>
                      <a:pt x="82105" y="34210"/>
                    </a:moveTo>
                    <a:cubicBezTo>
                      <a:pt x="72526" y="8211"/>
                      <a:pt x="57474" y="0"/>
                      <a:pt x="41053" y="0"/>
                    </a:cubicBezTo>
                    <a:cubicBezTo>
                      <a:pt x="24632" y="0"/>
                      <a:pt x="9579" y="9579"/>
                      <a:pt x="0" y="34210"/>
                    </a:cubicBez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75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06" name="Freeform: Shape 105">
                <a:extLst>
                  <a:ext uri="{FF2B5EF4-FFF2-40B4-BE49-F238E27FC236}">
                    <a16:creationId xmlns:a16="http://schemas.microsoft.com/office/drawing/2014/main" id="{DDD258B6-B21F-097D-314A-F43592746107}"/>
                  </a:ext>
                </a:extLst>
              </p:cNvPr>
              <p:cNvSpPr/>
              <p:nvPr/>
            </p:nvSpPr>
            <p:spPr>
              <a:xfrm>
                <a:off x="1724372" y="2630525"/>
                <a:ext cx="13684" cy="325683"/>
              </a:xfrm>
              <a:custGeom>
                <a:avLst/>
                <a:gdLst>
                  <a:gd name="connsiteX0" fmla="*/ 0 w 13684"/>
                  <a:gd name="connsiteY0" fmla="*/ 0 h 325683"/>
                  <a:gd name="connsiteX1" fmla="*/ 0 w 13684"/>
                  <a:gd name="connsiteY1" fmla="*/ 325683 h 32568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3684" h="325683">
                    <a:moveTo>
                      <a:pt x="0" y="0"/>
                    </a:moveTo>
                    <a:lnTo>
                      <a:pt x="0" y="325683"/>
                    </a:lnTo>
                  </a:path>
                </a:pathLst>
              </a:custGeom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75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07" name="Freeform: Shape 106">
                <a:extLst>
                  <a:ext uri="{FF2B5EF4-FFF2-40B4-BE49-F238E27FC236}">
                    <a16:creationId xmlns:a16="http://schemas.microsoft.com/office/drawing/2014/main" id="{F1C0C791-E974-4799-0CBB-3234D8E94F43}"/>
                  </a:ext>
                </a:extLst>
              </p:cNvPr>
              <p:cNvSpPr/>
              <p:nvPr/>
            </p:nvSpPr>
            <p:spPr>
              <a:xfrm>
                <a:off x="1811951" y="2750945"/>
                <a:ext cx="326313" cy="187473"/>
              </a:xfrm>
              <a:custGeom>
                <a:avLst/>
                <a:gdLst>
                  <a:gd name="connsiteX0" fmla="*/ 0 w 326313"/>
                  <a:gd name="connsiteY0" fmla="*/ 0 h 187473"/>
                  <a:gd name="connsiteX1" fmla="*/ 295578 w 326313"/>
                  <a:gd name="connsiteY1" fmla="*/ 113579 h 187473"/>
                  <a:gd name="connsiteX2" fmla="*/ 321578 w 326313"/>
                  <a:gd name="connsiteY2" fmla="*/ 187473 h 187473"/>
                  <a:gd name="connsiteX3" fmla="*/ 98526 w 326313"/>
                  <a:gd name="connsiteY3" fmla="*/ 156000 h 187473"/>
                  <a:gd name="connsiteX4" fmla="*/ 0 w 326313"/>
                  <a:gd name="connsiteY4" fmla="*/ 160105 h 187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313" h="187473">
                    <a:moveTo>
                      <a:pt x="0" y="0"/>
                    </a:moveTo>
                    <a:lnTo>
                      <a:pt x="295578" y="113579"/>
                    </a:lnTo>
                    <a:cubicBezTo>
                      <a:pt x="295578" y="113579"/>
                      <a:pt x="340736" y="135473"/>
                      <a:pt x="321578" y="187473"/>
                    </a:cubicBezTo>
                    <a:cubicBezTo>
                      <a:pt x="98526" y="156000"/>
                      <a:pt x="98526" y="156000"/>
                      <a:pt x="98526" y="156000"/>
                    </a:cubicBezTo>
                    <a:lnTo>
                      <a:pt x="0" y="160105"/>
                    </a:lnTo>
                  </a:path>
                </a:pathLst>
              </a:custGeom>
              <a:noFill/>
              <a:ln w="19050" cap="rnd">
                <a:solidFill>
                  <a:schemeClr val="bg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675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</p:grpSp>
      <p:grpSp>
        <p:nvGrpSpPr>
          <p:cNvPr id="130" name="Graphic 283">
            <a:extLst>
              <a:ext uri="{FF2B5EF4-FFF2-40B4-BE49-F238E27FC236}">
                <a16:creationId xmlns:a16="http://schemas.microsoft.com/office/drawing/2014/main" id="{2E0BB63F-37F8-0178-66AF-2BFB6ECF9D5F}"/>
              </a:ext>
            </a:extLst>
          </p:cNvPr>
          <p:cNvGrpSpPr>
            <a:grpSpLocks noChangeAspect="1"/>
          </p:cNvGrpSpPr>
          <p:nvPr/>
        </p:nvGrpSpPr>
        <p:grpSpPr>
          <a:xfrm>
            <a:off x="7376830" y="3362026"/>
            <a:ext cx="418455" cy="475471"/>
            <a:chOff x="7514077" y="3297277"/>
            <a:chExt cx="459675" cy="522307"/>
          </a:xfrm>
          <a:noFill/>
        </p:grpSpPr>
        <p:sp>
          <p:nvSpPr>
            <p:cNvPr id="131" name="Freeform: Shape 130">
              <a:extLst>
                <a:ext uri="{FF2B5EF4-FFF2-40B4-BE49-F238E27FC236}">
                  <a16:creationId xmlns:a16="http://schemas.microsoft.com/office/drawing/2014/main" id="{6391D0D0-A714-572C-5C3F-874C9C5D2EE3}"/>
                </a:ext>
              </a:extLst>
            </p:cNvPr>
            <p:cNvSpPr/>
            <p:nvPr/>
          </p:nvSpPr>
          <p:spPr>
            <a:xfrm>
              <a:off x="7606348" y="3297277"/>
              <a:ext cx="272897" cy="301417"/>
            </a:xfrm>
            <a:custGeom>
              <a:avLst/>
              <a:gdLst>
                <a:gd name="connsiteX0" fmla="*/ 167205 w 272897"/>
                <a:gd name="connsiteY0" fmla="*/ 301417 h 301417"/>
                <a:gd name="connsiteX1" fmla="*/ 105692 w 272897"/>
                <a:gd name="connsiteY1" fmla="*/ 301417 h 301417"/>
                <a:gd name="connsiteX2" fmla="*/ 0 w 272897"/>
                <a:gd name="connsiteY2" fmla="*/ 195725 h 301417"/>
                <a:gd name="connsiteX3" fmla="*/ 0 w 272897"/>
                <a:gd name="connsiteY3" fmla="*/ 0 h 301417"/>
                <a:gd name="connsiteX4" fmla="*/ 272897 w 272897"/>
                <a:gd name="connsiteY4" fmla="*/ 0 h 301417"/>
                <a:gd name="connsiteX5" fmla="*/ 272897 w 272897"/>
                <a:gd name="connsiteY5" fmla="*/ 196285 h 301417"/>
                <a:gd name="connsiteX6" fmla="*/ 167205 w 272897"/>
                <a:gd name="connsiteY6" fmla="*/ 301417 h 3014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72897" h="301417">
                  <a:moveTo>
                    <a:pt x="167205" y="301417"/>
                  </a:moveTo>
                  <a:lnTo>
                    <a:pt x="105692" y="301417"/>
                  </a:lnTo>
                  <a:cubicBezTo>
                    <a:pt x="47533" y="301417"/>
                    <a:pt x="0" y="253884"/>
                    <a:pt x="0" y="195725"/>
                  </a:cubicBezTo>
                  <a:lnTo>
                    <a:pt x="0" y="0"/>
                  </a:lnTo>
                  <a:lnTo>
                    <a:pt x="272897" y="0"/>
                  </a:lnTo>
                  <a:lnTo>
                    <a:pt x="272897" y="196285"/>
                  </a:lnTo>
                  <a:cubicBezTo>
                    <a:pt x="272338" y="254443"/>
                    <a:pt x="225364" y="301417"/>
                    <a:pt x="167205" y="301417"/>
                  </a:cubicBezTo>
                  <a:close/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32" name="Freeform: Shape 131">
              <a:extLst>
                <a:ext uri="{FF2B5EF4-FFF2-40B4-BE49-F238E27FC236}">
                  <a16:creationId xmlns:a16="http://schemas.microsoft.com/office/drawing/2014/main" id="{563CD403-4923-1D08-083C-4D0F11E68A5B}"/>
                </a:ext>
              </a:extLst>
            </p:cNvPr>
            <p:cNvSpPr/>
            <p:nvPr/>
          </p:nvSpPr>
          <p:spPr>
            <a:xfrm>
              <a:off x="7514077" y="3330830"/>
              <a:ext cx="92270" cy="158258"/>
            </a:xfrm>
            <a:custGeom>
              <a:avLst/>
              <a:gdLst>
                <a:gd name="connsiteX0" fmla="*/ 92271 w 92270"/>
                <a:gd name="connsiteY0" fmla="*/ 0 h 158258"/>
                <a:gd name="connsiteX1" fmla="*/ 0 w 92270"/>
                <a:gd name="connsiteY1" fmla="*/ 0 h 158258"/>
                <a:gd name="connsiteX2" fmla="*/ 92271 w 92270"/>
                <a:gd name="connsiteY2" fmla="*/ 158258 h 1582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92270" h="158258">
                  <a:moveTo>
                    <a:pt x="92271" y="0"/>
                  </a:moveTo>
                  <a:lnTo>
                    <a:pt x="0" y="0"/>
                  </a:lnTo>
                  <a:cubicBezTo>
                    <a:pt x="0" y="0"/>
                    <a:pt x="8388" y="120231"/>
                    <a:pt x="92271" y="158258"/>
                  </a:cubicBez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33" name="Freeform: Shape 132">
              <a:extLst>
                <a:ext uri="{FF2B5EF4-FFF2-40B4-BE49-F238E27FC236}">
                  <a16:creationId xmlns:a16="http://schemas.microsoft.com/office/drawing/2014/main" id="{4D2BA80C-C271-6007-628E-0C1ECF5CEC28}"/>
                </a:ext>
              </a:extLst>
            </p:cNvPr>
            <p:cNvSpPr/>
            <p:nvPr/>
          </p:nvSpPr>
          <p:spPr>
            <a:xfrm>
              <a:off x="7878686" y="3330830"/>
              <a:ext cx="95066" cy="158258"/>
            </a:xfrm>
            <a:custGeom>
              <a:avLst/>
              <a:gdLst>
                <a:gd name="connsiteX0" fmla="*/ 2796 w 95066"/>
                <a:gd name="connsiteY0" fmla="*/ 0 h 158258"/>
                <a:gd name="connsiteX1" fmla="*/ 95067 w 95066"/>
                <a:gd name="connsiteY1" fmla="*/ 0 h 158258"/>
                <a:gd name="connsiteX2" fmla="*/ 0 w 95066"/>
                <a:gd name="connsiteY2" fmla="*/ 158258 h 1582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95066" h="158258">
                  <a:moveTo>
                    <a:pt x="2796" y="0"/>
                  </a:moveTo>
                  <a:lnTo>
                    <a:pt x="95067" y="0"/>
                  </a:lnTo>
                  <a:cubicBezTo>
                    <a:pt x="95067" y="0"/>
                    <a:pt x="83882" y="120231"/>
                    <a:pt x="0" y="158258"/>
                  </a:cubicBez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34" name="Freeform: Shape 133">
              <a:extLst>
                <a:ext uri="{FF2B5EF4-FFF2-40B4-BE49-F238E27FC236}">
                  <a16:creationId xmlns:a16="http://schemas.microsoft.com/office/drawing/2014/main" id="{4031CF2E-7F07-4504-2D34-3EBD5BB54E4E}"/>
                </a:ext>
              </a:extLst>
            </p:cNvPr>
            <p:cNvSpPr/>
            <p:nvPr/>
          </p:nvSpPr>
          <p:spPr>
            <a:xfrm>
              <a:off x="7634309" y="3671952"/>
              <a:ext cx="218094" cy="96744"/>
            </a:xfrm>
            <a:custGeom>
              <a:avLst/>
              <a:gdLst>
                <a:gd name="connsiteX0" fmla="*/ 0 w 218094"/>
                <a:gd name="connsiteY0" fmla="*/ 0 h 96744"/>
                <a:gd name="connsiteX1" fmla="*/ 218094 w 218094"/>
                <a:gd name="connsiteY1" fmla="*/ 0 h 96744"/>
                <a:gd name="connsiteX2" fmla="*/ 218094 w 218094"/>
                <a:gd name="connsiteY2" fmla="*/ 96744 h 96744"/>
                <a:gd name="connsiteX3" fmla="*/ 0 w 218094"/>
                <a:gd name="connsiteY3" fmla="*/ 96744 h 967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18094" h="96744">
                  <a:moveTo>
                    <a:pt x="0" y="0"/>
                  </a:moveTo>
                  <a:lnTo>
                    <a:pt x="218094" y="0"/>
                  </a:lnTo>
                  <a:lnTo>
                    <a:pt x="218094" y="96744"/>
                  </a:lnTo>
                  <a:lnTo>
                    <a:pt x="0" y="96744"/>
                  </a:lnTo>
                  <a:close/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35" name="Freeform: Shape 134">
              <a:extLst>
                <a:ext uri="{FF2B5EF4-FFF2-40B4-BE49-F238E27FC236}">
                  <a16:creationId xmlns:a16="http://schemas.microsoft.com/office/drawing/2014/main" id="{698A1047-7B50-E190-DF85-B2DA1E6C669F}"/>
                </a:ext>
              </a:extLst>
            </p:cNvPr>
            <p:cNvSpPr/>
            <p:nvPr/>
          </p:nvSpPr>
          <p:spPr>
            <a:xfrm>
              <a:off x="7591808" y="3768137"/>
              <a:ext cx="303094" cy="51447"/>
            </a:xfrm>
            <a:custGeom>
              <a:avLst/>
              <a:gdLst>
                <a:gd name="connsiteX0" fmla="*/ 0 w 303094"/>
                <a:gd name="connsiteY0" fmla="*/ 0 h 51447"/>
                <a:gd name="connsiteX1" fmla="*/ 303095 w 303094"/>
                <a:gd name="connsiteY1" fmla="*/ 0 h 51447"/>
                <a:gd name="connsiteX2" fmla="*/ 303095 w 303094"/>
                <a:gd name="connsiteY2" fmla="*/ 51448 h 51447"/>
                <a:gd name="connsiteX3" fmla="*/ 0 w 303094"/>
                <a:gd name="connsiteY3" fmla="*/ 51448 h 514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03094" h="51447">
                  <a:moveTo>
                    <a:pt x="0" y="0"/>
                  </a:moveTo>
                  <a:lnTo>
                    <a:pt x="303095" y="0"/>
                  </a:lnTo>
                  <a:lnTo>
                    <a:pt x="303095" y="51448"/>
                  </a:lnTo>
                  <a:lnTo>
                    <a:pt x="0" y="51448"/>
                  </a:lnTo>
                  <a:close/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36" name="Freeform: Shape 135">
              <a:extLst>
                <a:ext uri="{FF2B5EF4-FFF2-40B4-BE49-F238E27FC236}">
                  <a16:creationId xmlns:a16="http://schemas.microsoft.com/office/drawing/2014/main" id="{88A110D6-ABF8-615A-629C-58CDAC959361}"/>
                </a:ext>
              </a:extLst>
            </p:cNvPr>
            <p:cNvSpPr/>
            <p:nvPr/>
          </p:nvSpPr>
          <p:spPr>
            <a:xfrm>
              <a:off x="7695263" y="3720044"/>
              <a:ext cx="92829" cy="5592"/>
            </a:xfrm>
            <a:custGeom>
              <a:avLst/>
              <a:gdLst>
                <a:gd name="connsiteX0" fmla="*/ 0 w 92829"/>
                <a:gd name="connsiteY0" fmla="*/ 0 h 5592"/>
                <a:gd name="connsiteX1" fmla="*/ 92830 w 92829"/>
                <a:gd name="connsiteY1" fmla="*/ 0 h 55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92829" h="5592">
                  <a:moveTo>
                    <a:pt x="0" y="0"/>
                  </a:moveTo>
                  <a:lnTo>
                    <a:pt x="92830" y="0"/>
                  </a:lnTo>
                </a:path>
              </a:pathLst>
            </a:custGeom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37" name="Freeform: Shape 136">
              <a:extLst>
                <a:ext uri="{FF2B5EF4-FFF2-40B4-BE49-F238E27FC236}">
                  <a16:creationId xmlns:a16="http://schemas.microsoft.com/office/drawing/2014/main" id="{2D653318-24AD-3E6C-252B-1A74C0BBB94E}"/>
                </a:ext>
              </a:extLst>
            </p:cNvPr>
            <p:cNvSpPr/>
            <p:nvPr/>
          </p:nvSpPr>
          <p:spPr>
            <a:xfrm>
              <a:off x="7700296" y="3598695"/>
              <a:ext cx="5592" cy="73257"/>
            </a:xfrm>
            <a:custGeom>
              <a:avLst/>
              <a:gdLst>
                <a:gd name="connsiteX0" fmla="*/ 0 w 5592"/>
                <a:gd name="connsiteY0" fmla="*/ 0 h 73257"/>
                <a:gd name="connsiteX1" fmla="*/ 0 w 5592"/>
                <a:gd name="connsiteY1" fmla="*/ 73257 h 7325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5592" h="73257">
                  <a:moveTo>
                    <a:pt x="0" y="0"/>
                  </a:moveTo>
                  <a:lnTo>
                    <a:pt x="0" y="73257"/>
                  </a:lnTo>
                </a:path>
              </a:pathLst>
            </a:custGeom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38" name="Freeform: Shape 137">
              <a:extLst>
                <a:ext uri="{FF2B5EF4-FFF2-40B4-BE49-F238E27FC236}">
                  <a16:creationId xmlns:a16="http://schemas.microsoft.com/office/drawing/2014/main" id="{0A302E1C-A837-8643-55C2-64CBBF25700F}"/>
                </a:ext>
              </a:extLst>
            </p:cNvPr>
            <p:cNvSpPr/>
            <p:nvPr/>
          </p:nvSpPr>
          <p:spPr>
            <a:xfrm>
              <a:off x="7777468" y="3598695"/>
              <a:ext cx="5592" cy="73257"/>
            </a:xfrm>
            <a:custGeom>
              <a:avLst/>
              <a:gdLst>
                <a:gd name="connsiteX0" fmla="*/ 0 w 5592"/>
                <a:gd name="connsiteY0" fmla="*/ 0 h 73257"/>
                <a:gd name="connsiteX1" fmla="*/ 0 w 5592"/>
                <a:gd name="connsiteY1" fmla="*/ 73257 h 7325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5592" h="73257">
                  <a:moveTo>
                    <a:pt x="0" y="0"/>
                  </a:moveTo>
                  <a:lnTo>
                    <a:pt x="0" y="73257"/>
                  </a:lnTo>
                </a:path>
              </a:pathLst>
            </a:custGeom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39" name="Freeform: Shape 138">
              <a:extLst>
                <a:ext uri="{FF2B5EF4-FFF2-40B4-BE49-F238E27FC236}">
                  <a16:creationId xmlns:a16="http://schemas.microsoft.com/office/drawing/2014/main" id="{EBBA9884-E574-62B1-121B-489DD89617FE}"/>
                </a:ext>
              </a:extLst>
            </p:cNvPr>
            <p:cNvSpPr/>
            <p:nvPr/>
          </p:nvSpPr>
          <p:spPr>
            <a:xfrm>
              <a:off x="7665066" y="3372212"/>
              <a:ext cx="163850" cy="118553"/>
            </a:xfrm>
            <a:custGeom>
              <a:avLst/>
              <a:gdLst>
                <a:gd name="connsiteX0" fmla="*/ 0 w 163850"/>
                <a:gd name="connsiteY0" fmla="*/ 64869 h 118553"/>
                <a:gd name="connsiteX1" fmla="*/ 62073 w 163850"/>
                <a:gd name="connsiteY1" fmla="*/ 118554 h 118553"/>
                <a:gd name="connsiteX2" fmla="*/ 163850 w 163850"/>
                <a:gd name="connsiteY2" fmla="*/ 0 h 1185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63850" h="118553">
                  <a:moveTo>
                    <a:pt x="0" y="64869"/>
                  </a:moveTo>
                  <a:lnTo>
                    <a:pt x="62073" y="118554"/>
                  </a:lnTo>
                  <a:lnTo>
                    <a:pt x="163850" y="0"/>
                  </a:lnTo>
                </a:path>
              </a:pathLst>
            </a:custGeom>
            <a:noFill/>
            <a:ln w="28575" cap="rnd">
              <a:solidFill>
                <a:schemeClr val="bg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65176038"/>
      </p:ext>
    </p:extLst>
  </p:cSld>
  <p:clrMapOvr>
    <a:masterClrMapping/>
  </p:clrMapOvr>
  <p:transition spd="slow">
    <p:push/>
  </p:transition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2" name="Graphic 70">
            <a:extLst>
              <a:ext uri="{FF2B5EF4-FFF2-40B4-BE49-F238E27FC236}">
                <a16:creationId xmlns:a16="http://schemas.microsoft.com/office/drawing/2014/main" id="{0F7D27DA-0126-4D5F-A8F6-DC7C19A62A84}"/>
              </a:ext>
            </a:extLst>
          </p:cNvPr>
          <p:cNvSpPr>
            <a:spLocks/>
          </p:cNvSpPr>
          <p:nvPr/>
        </p:nvSpPr>
        <p:spPr>
          <a:xfrm>
            <a:off x="-61577" y="664289"/>
            <a:ext cx="12396964" cy="5804284"/>
          </a:xfrm>
          <a:custGeom>
            <a:avLst/>
            <a:gdLst>
              <a:gd name="connsiteX0" fmla="*/ 11562845 w 11562845"/>
              <a:gd name="connsiteY0" fmla="*/ 0 h 6210433"/>
              <a:gd name="connsiteX1" fmla="*/ 11562845 w 11562845"/>
              <a:gd name="connsiteY1" fmla="*/ 6210433 h 6210433"/>
              <a:gd name="connsiteX2" fmla="*/ 0 w 11562845"/>
              <a:gd name="connsiteY2" fmla="*/ 6210433 h 6210433"/>
              <a:gd name="connsiteX3" fmla="*/ 0 w 11562845"/>
              <a:gd name="connsiteY3" fmla="*/ 4645057 h 6210433"/>
              <a:gd name="connsiteX4" fmla="*/ 1307460 w 11562845"/>
              <a:gd name="connsiteY4" fmla="*/ 4491839 h 6210433"/>
              <a:gd name="connsiteX5" fmla="*/ 2849853 w 11562845"/>
              <a:gd name="connsiteY5" fmla="*/ 4166251 h 6210433"/>
              <a:gd name="connsiteX6" fmla="*/ 4490562 w 11562845"/>
              <a:gd name="connsiteY6" fmla="*/ 3761500 h 6210433"/>
              <a:gd name="connsiteX7" fmla="*/ 6151700 w 11562845"/>
              <a:gd name="connsiteY7" fmla="*/ 3613390 h 6210433"/>
              <a:gd name="connsiteX8" fmla="*/ 7802623 w 11562845"/>
              <a:gd name="connsiteY8" fmla="*/ 3010732 h 6210433"/>
              <a:gd name="connsiteX9" fmla="*/ 9413964 w 11562845"/>
              <a:gd name="connsiteY9" fmla="*/ 1804141 h 6210433"/>
              <a:gd name="connsiteX10" fmla="*/ 11557739 w 11562845"/>
              <a:gd name="connsiteY10" fmla="*/ 0 h 6210433"/>
              <a:gd name="connsiteX11" fmla="*/ 11562845 w 11562845"/>
              <a:gd name="connsiteY11" fmla="*/ 0 h 6210433"/>
              <a:gd name="connsiteX0" fmla="*/ 11562845 w 11562845"/>
              <a:gd name="connsiteY0" fmla="*/ 0 h 6210433"/>
              <a:gd name="connsiteX1" fmla="*/ 11562845 w 11562845"/>
              <a:gd name="connsiteY1" fmla="*/ 6210433 h 6210433"/>
              <a:gd name="connsiteX2" fmla="*/ 0 w 11562845"/>
              <a:gd name="connsiteY2" fmla="*/ 6210433 h 6210433"/>
              <a:gd name="connsiteX3" fmla="*/ 0 w 11562845"/>
              <a:gd name="connsiteY3" fmla="*/ 4645057 h 6210433"/>
              <a:gd name="connsiteX4" fmla="*/ 1307460 w 11562845"/>
              <a:gd name="connsiteY4" fmla="*/ 4491839 h 6210433"/>
              <a:gd name="connsiteX5" fmla="*/ 2849853 w 11562845"/>
              <a:gd name="connsiteY5" fmla="*/ 4166251 h 6210433"/>
              <a:gd name="connsiteX6" fmla="*/ 4490562 w 11562845"/>
              <a:gd name="connsiteY6" fmla="*/ 3761500 h 6210433"/>
              <a:gd name="connsiteX7" fmla="*/ 6151700 w 11562845"/>
              <a:gd name="connsiteY7" fmla="*/ 3613390 h 6210433"/>
              <a:gd name="connsiteX8" fmla="*/ 7802623 w 11562845"/>
              <a:gd name="connsiteY8" fmla="*/ 3010732 h 6210433"/>
              <a:gd name="connsiteX9" fmla="*/ 9413964 w 11562845"/>
              <a:gd name="connsiteY9" fmla="*/ 1804141 h 6210433"/>
              <a:gd name="connsiteX10" fmla="*/ 11557739 w 11562845"/>
              <a:gd name="connsiteY10" fmla="*/ 0 h 6210433"/>
              <a:gd name="connsiteX11" fmla="*/ 11562845 w 11562845"/>
              <a:gd name="connsiteY11" fmla="*/ 0 h 6210433"/>
              <a:gd name="connsiteX0" fmla="*/ 11669182 w 11669182"/>
              <a:gd name="connsiteY0" fmla="*/ 0 h 6210433"/>
              <a:gd name="connsiteX1" fmla="*/ 11669182 w 11669182"/>
              <a:gd name="connsiteY1" fmla="*/ 6210433 h 6210433"/>
              <a:gd name="connsiteX2" fmla="*/ 106337 w 11669182"/>
              <a:gd name="connsiteY2" fmla="*/ 6210433 h 6210433"/>
              <a:gd name="connsiteX3" fmla="*/ 106337 w 11669182"/>
              <a:gd name="connsiteY3" fmla="*/ 4645057 h 6210433"/>
              <a:gd name="connsiteX4" fmla="*/ 94233 w 11669182"/>
              <a:gd name="connsiteY4" fmla="*/ 4639778 h 6210433"/>
              <a:gd name="connsiteX5" fmla="*/ 1413797 w 11669182"/>
              <a:gd name="connsiteY5" fmla="*/ 4491839 h 6210433"/>
              <a:gd name="connsiteX6" fmla="*/ 2956190 w 11669182"/>
              <a:gd name="connsiteY6" fmla="*/ 4166251 h 6210433"/>
              <a:gd name="connsiteX7" fmla="*/ 4596899 w 11669182"/>
              <a:gd name="connsiteY7" fmla="*/ 3761500 h 6210433"/>
              <a:gd name="connsiteX8" fmla="*/ 6258037 w 11669182"/>
              <a:gd name="connsiteY8" fmla="*/ 3613390 h 6210433"/>
              <a:gd name="connsiteX9" fmla="*/ 7908960 w 11669182"/>
              <a:gd name="connsiteY9" fmla="*/ 3010732 h 6210433"/>
              <a:gd name="connsiteX10" fmla="*/ 9520301 w 11669182"/>
              <a:gd name="connsiteY10" fmla="*/ 1804141 h 6210433"/>
              <a:gd name="connsiteX11" fmla="*/ 11664076 w 11669182"/>
              <a:gd name="connsiteY11" fmla="*/ 0 h 6210433"/>
              <a:gd name="connsiteX12" fmla="*/ 11669182 w 11669182"/>
              <a:gd name="connsiteY12" fmla="*/ 0 h 6210433"/>
              <a:gd name="connsiteX0" fmla="*/ 12038884 w 12038884"/>
              <a:gd name="connsiteY0" fmla="*/ 0 h 6210433"/>
              <a:gd name="connsiteX1" fmla="*/ 12038884 w 12038884"/>
              <a:gd name="connsiteY1" fmla="*/ 6210433 h 6210433"/>
              <a:gd name="connsiteX2" fmla="*/ 476039 w 12038884"/>
              <a:gd name="connsiteY2" fmla="*/ 6210433 h 6210433"/>
              <a:gd name="connsiteX3" fmla="*/ 476039 w 12038884"/>
              <a:gd name="connsiteY3" fmla="*/ 4645057 h 6210433"/>
              <a:gd name="connsiteX4" fmla="*/ 44835 w 12038884"/>
              <a:gd name="connsiteY4" fmla="*/ 4723598 h 6210433"/>
              <a:gd name="connsiteX5" fmla="*/ 1783499 w 12038884"/>
              <a:gd name="connsiteY5" fmla="*/ 4491839 h 6210433"/>
              <a:gd name="connsiteX6" fmla="*/ 3325892 w 12038884"/>
              <a:gd name="connsiteY6" fmla="*/ 4166251 h 6210433"/>
              <a:gd name="connsiteX7" fmla="*/ 4966601 w 12038884"/>
              <a:gd name="connsiteY7" fmla="*/ 3761500 h 6210433"/>
              <a:gd name="connsiteX8" fmla="*/ 6627739 w 12038884"/>
              <a:gd name="connsiteY8" fmla="*/ 3613390 h 6210433"/>
              <a:gd name="connsiteX9" fmla="*/ 8278662 w 12038884"/>
              <a:gd name="connsiteY9" fmla="*/ 3010732 h 6210433"/>
              <a:gd name="connsiteX10" fmla="*/ 9890003 w 12038884"/>
              <a:gd name="connsiteY10" fmla="*/ 1804141 h 6210433"/>
              <a:gd name="connsiteX11" fmla="*/ 12033778 w 12038884"/>
              <a:gd name="connsiteY11" fmla="*/ 0 h 6210433"/>
              <a:gd name="connsiteX12" fmla="*/ 12038884 w 12038884"/>
              <a:gd name="connsiteY12" fmla="*/ 0 h 6210433"/>
              <a:gd name="connsiteX0" fmla="*/ 12526784 w 12526784"/>
              <a:gd name="connsiteY0" fmla="*/ 0 h 6210433"/>
              <a:gd name="connsiteX1" fmla="*/ 12526784 w 12526784"/>
              <a:gd name="connsiteY1" fmla="*/ 6210433 h 6210433"/>
              <a:gd name="connsiteX2" fmla="*/ 963939 w 12526784"/>
              <a:gd name="connsiteY2" fmla="*/ 6210433 h 6210433"/>
              <a:gd name="connsiteX3" fmla="*/ 9 w 12526784"/>
              <a:gd name="connsiteY3" fmla="*/ 4789837 h 6210433"/>
              <a:gd name="connsiteX4" fmla="*/ 532735 w 12526784"/>
              <a:gd name="connsiteY4" fmla="*/ 4723598 h 6210433"/>
              <a:gd name="connsiteX5" fmla="*/ 2271399 w 12526784"/>
              <a:gd name="connsiteY5" fmla="*/ 4491839 h 6210433"/>
              <a:gd name="connsiteX6" fmla="*/ 3813792 w 12526784"/>
              <a:gd name="connsiteY6" fmla="*/ 4166251 h 6210433"/>
              <a:gd name="connsiteX7" fmla="*/ 5454501 w 12526784"/>
              <a:gd name="connsiteY7" fmla="*/ 3761500 h 6210433"/>
              <a:gd name="connsiteX8" fmla="*/ 7115639 w 12526784"/>
              <a:gd name="connsiteY8" fmla="*/ 3613390 h 6210433"/>
              <a:gd name="connsiteX9" fmla="*/ 8766562 w 12526784"/>
              <a:gd name="connsiteY9" fmla="*/ 3010732 h 6210433"/>
              <a:gd name="connsiteX10" fmla="*/ 10377903 w 12526784"/>
              <a:gd name="connsiteY10" fmla="*/ 1804141 h 6210433"/>
              <a:gd name="connsiteX11" fmla="*/ 12521678 w 12526784"/>
              <a:gd name="connsiteY11" fmla="*/ 0 h 6210433"/>
              <a:gd name="connsiteX12" fmla="*/ 12526784 w 12526784"/>
              <a:gd name="connsiteY12" fmla="*/ 0 h 6210433"/>
              <a:gd name="connsiteX0" fmla="*/ 12526775 w 12526775"/>
              <a:gd name="connsiteY0" fmla="*/ 0 h 6210433"/>
              <a:gd name="connsiteX1" fmla="*/ 12526775 w 12526775"/>
              <a:gd name="connsiteY1" fmla="*/ 6210433 h 6210433"/>
              <a:gd name="connsiteX2" fmla="*/ 963930 w 12526775"/>
              <a:gd name="connsiteY2" fmla="*/ 6210433 h 6210433"/>
              <a:gd name="connsiteX3" fmla="*/ 0 w 12526775"/>
              <a:gd name="connsiteY3" fmla="*/ 4789837 h 6210433"/>
              <a:gd name="connsiteX4" fmla="*/ 532726 w 12526775"/>
              <a:gd name="connsiteY4" fmla="*/ 4723598 h 6210433"/>
              <a:gd name="connsiteX5" fmla="*/ 2271390 w 12526775"/>
              <a:gd name="connsiteY5" fmla="*/ 4491839 h 6210433"/>
              <a:gd name="connsiteX6" fmla="*/ 3813783 w 12526775"/>
              <a:gd name="connsiteY6" fmla="*/ 4166251 h 6210433"/>
              <a:gd name="connsiteX7" fmla="*/ 5454492 w 12526775"/>
              <a:gd name="connsiteY7" fmla="*/ 3761500 h 6210433"/>
              <a:gd name="connsiteX8" fmla="*/ 7115630 w 12526775"/>
              <a:gd name="connsiteY8" fmla="*/ 3613390 h 6210433"/>
              <a:gd name="connsiteX9" fmla="*/ 8766553 w 12526775"/>
              <a:gd name="connsiteY9" fmla="*/ 3010732 h 6210433"/>
              <a:gd name="connsiteX10" fmla="*/ 10377894 w 12526775"/>
              <a:gd name="connsiteY10" fmla="*/ 1804141 h 6210433"/>
              <a:gd name="connsiteX11" fmla="*/ 12521669 w 12526775"/>
              <a:gd name="connsiteY11" fmla="*/ 0 h 6210433"/>
              <a:gd name="connsiteX12" fmla="*/ 12526775 w 12526775"/>
              <a:gd name="connsiteY12" fmla="*/ 0 h 6210433"/>
              <a:gd name="connsiteX0" fmla="*/ 12526775 w 12526775"/>
              <a:gd name="connsiteY0" fmla="*/ 0 h 6210433"/>
              <a:gd name="connsiteX1" fmla="*/ 12526775 w 12526775"/>
              <a:gd name="connsiteY1" fmla="*/ 6210433 h 6210433"/>
              <a:gd name="connsiteX2" fmla="*/ 963930 w 12526775"/>
              <a:gd name="connsiteY2" fmla="*/ 6210433 h 6210433"/>
              <a:gd name="connsiteX3" fmla="*/ 0 w 12526775"/>
              <a:gd name="connsiteY3" fmla="*/ 4789837 h 6210433"/>
              <a:gd name="connsiteX4" fmla="*/ 536536 w 12526775"/>
              <a:gd name="connsiteY4" fmla="*/ 4719788 h 6210433"/>
              <a:gd name="connsiteX5" fmla="*/ 2271390 w 12526775"/>
              <a:gd name="connsiteY5" fmla="*/ 4491839 h 6210433"/>
              <a:gd name="connsiteX6" fmla="*/ 3813783 w 12526775"/>
              <a:gd name="connsiteY6" fmla="*/ 4166251 h 6210433"/>
              <a:gd name="connsiteX7" fmla="*/ 5454492 w 12526775"/>
              <a:gd name="connsiteY7" fmla="*/ 3761500 h 6210433"/>
              <a:gd name="connsiteX8" fmla="*/ 7115630 w 12526775"/>
              <a:gd name="connsiteY8" fmla="*/ 3613390 h 6210433"/>
              <a:gd name="connsiteX9" fmla="*/ 8766553 w 12526775"/>
              <a:gd name="connsiteY9" fmla="*/ 3010732 h 6210433"/>
              <a:gd name="connsiteX10" fmla="*/ 10377894 w 12526775"/>
              <a:gd name="connsiteY10" fmla="*/ 1804141 h 6210433"/>
              <a:gd name="connsiteX11" fmla="*/ 12521669 w 12526775"/>
              <a:gd name="connsiteY11" fmla="*/ 0 h 6210433"/>
              <a:gd name="connsiteX12" fmla="*/ 12526775 w 12526775"/>
              <a:gd name="connsiteY12" fmla="*/ 0 h 6210433"/>
              <a:gd name="connsiteX0" fmla="*/ 12526775 w 12526775"/>
              <a:gd name="connsiteY0" fmla="*/ 0 h 6210433"/>
              <a:gd name="connsiteX1" fmla="*/ 12526775 w 12526775"/>
              <a:gd name="connsiteY1" fmla="*/ 6210433 h 6210433"/>
              <a:gd name="connsiteX2" fmla="*/ 963930 w 12526775"/>
              <a:gd name="connsiteY2" fmla="*/ 6210433 h 6210433"/>
              <a:gd name="connsiteX3" fmla="*/ 0 w 12526775"/>
              <a:gd name="connsiteY3" fmla="*/ 4789837 h 6210433"/>
              <a:gd name="connsiteX4" fmla="*/ 536536 w 12526775"/>
              <a:gd name="connsiteY4" fmla="*/ 4719788 h 6210433"/>
              <a:gd name="connsiteX5" fmla="*/ 2290440 w 12526775"/>
              <a:gd name="connsiteY5" fmla="*/ 4503269 h 6210433"/>
              <a:gd name="connsiteX6" fmla="*/ 3813783 w 12526775"/>
              <a:gd name="connsiteY6" fmla="*/ 4166251 h 6210433"/>
              <a:gd name="connsiteX7" fmla="*/ 5454492 w 12526775"/>
              <a:gd name="connsiteY7" fmla="*/ 3761500 h 6210433"/>
              <a:gd name="connsiteX8" fmla="*/ 7115630 w 12526775"/>
              <a:gd name="connsiteY8" fmla="*/ 3613390 h 6210433"/>
              <a:gd name="connsiteX9" fmla="*/ 8766553 w 12526775"/>
              <a:gd name="connsiteY9" fmla="*/ 3010732 h 6210433"/>
              <a:gd name="connsiteX10" fmla="*/ 10377894 w 12526775"/>
              <a:gd name="connsiteY10" fmla="*/ 1804141 h 6210433"/>
              <a:gd name="connsiteX11" fmla="*/ 12521669 w 12526775"/>
              <a:gd name="connsiteY11" fmla="*/ 0 h 6210433"/>
              <a:gd name="connsiteX12" fmla="*/ 12526775 w 12526775"/>
              <a:gd name="connsiteY12" fmla="*/ 0 h 6210433"/>
              <a:gd name="connsiteX0" fmla="*/ 12526775 w 12526775"/>
              <a:gd name="connsiteY0" fmla="*/ 0 h 6210433"/>
              <a:gd name="connsiteX1" fmla="*/ 12526775 w 12526775"/>
              <a:gd name="connsiteY1" fmla="*/ 6210433 h 6210433"/>
              <a:gd name="connsiteX2" fmla="*/ 963930 w 12526775"/>
              <a:gd name="connsiteY2" fmla="*/ 6210433 h 6210433"/>
              <a:gd name="connsiteX3" fmla="*/ 0 w 12526775"/>
              <a:gd name="connsiteY3" fmla="*/ 4789837 h 6210433"/>
              <a:gd name="connsiteX4" fmla="*/ 536536 w 12526775"/>
              <a:gd name="connsiteY4" fmla="*/ 4719788 h 6210433"/>
              <a:gd name="connsiteX5" fmla="*/ 2290440 w 12526775"/>
              <a:gd name="connsiteY5" fmla="*/ 4503269 h 6210433"/>
              <a:gd name="connsiteX6" fmla="*/ 3840453 w 12526775"/>
              <a:gd name="connsiteY6" fmla="*/ 4177681 h 6210433"/>
              <a:gd name="connsiteX7" fmla="*/ 5454492 w 12526775"/>
              <a:gd name="connsiteY7" fmla="*/ 3761500 h 6210433"/>
              <a:gd name="connsiteX8" fmla="*/ 7115630 w 12526775"/>
              <a:gd name="connsiteY8" fmla="*/ 3613390 h 6210433"/>
              <a:gd name="connsiteX9" fmla="*/ 8766553 w 12526775"/>
              <a:gd name="connsiteY9" fmla="*/ 3010732 h 6210433"/>
              <a:gd name="connsiteX10" fmla="*/ 10377894 w 12526775"/>
              <a:gd name="connsiteY10" fmla="*/ 1804141 h 6210433"/>
              <a:gd name="connsiteX11" fmla="*/ 12521669 w 12526775"/>
              <a:gd name="connsiteY11" fmla="*/ 0 h 6210433"/>
              <a:gd name="connsiteX12" fmla="*/ 12526775 w 12526775"/>
              <a:gd name="connsiteY12" fmla="*/ 0 h 6210433"/>
              <a:gd name="connsiteX0" fmla="*/ 12633455 w 12633455"/>
              <a:gd name="connsiteY0" fmla="*/ 0 h 6210433"/>
              <a:gd name="connsiteX1" fmla="*/ 12633455 w 12633455"/>
              <a:gd name="connsiteY1" fmla="*/ 6210433 h 6210433"/>
              <a:gd name="connsiteX2" fmla="*/ 0 w 12633455"/>
              <a:gd name="connsiteY2" fmla="*/ 6206623 h 6210433"/>
              <a:gd name="connsiteX3" fmla="*/ 106680 w 12633455"/>
              <a:gd name="connsiteY3" fmla="*/ 4789837 h 6210433"/>
              <a:gd name="connsiteX4" fmla="*/ 643216 w 12633455"/>
              <a:gd name="connsiteY4" fmla="*/ 4719788 h 6210433"/>
              <a:gd name="connsiteX5" fmla="*/ 2397120 w 12633455"/>
              <a:gd name="connsiteY5" fmla="*/ 4503269 h 6210433"/>
              <a:gd name="connsiteX6" fmla="*/ 3947133 w 12633455"/>
              <a:gd name="connsiteY6" fmla="*/ 4177681 h 6210433"/>
              <a:gd name="connsiteX7" fmla="*/ 5561172 w 12633455"/>
              <a:gd name="connsiteY7" fmla="*/ 3761500 h 6210433"/>
              <a:gd name="connsiteX8" fmla="*/ 7222310 w 12633455"/>
              <a:gd name="connsiteY8" fmla="*/ 3613390 h 6210433"/>
              <a:gd name="connsiteX9" fmla="*/ 8873233 w 12633455"/>
              <a:gd name="connsiteY9" fmla="*/ 3010732 h 6210433"/>
              <a:gd name="connsiteX10" fmla="*/ 10484574 w 12633455"/>
              <a:gd name="connsiteY10" fmla="*/ 1804141 h 6210433"/>
              <a:gd name="connsiteX11" fmla="*/ 12628349 w 12633455"/>
              <a:gd name="connsiteY11" fmla="*/ 0 h 6210433"/>
              <a:gd name="connsiteX12" fmla="*/ 12633455 w 12633455"/>
              <a:gd name="connsiteY12" fmla="*/ 0 h 6210433"/>
              <a:gd name="connsiteX0" fmla="*/ 12538205 w 12538205"/>
              <a:gd name="connsiteY0" fmla="*/ 0 h 6210433"/>
              <a:gd name="connsiteX1" fmla="*/ 12538205 w 12538205"/>
              <a:gd name="connsiteY1" fmla="*/ 6210433 h 6210433"/>
              <a:gd name="connsiteX2" fmla="*/ 0 w 12538205"/>
              <a:gd name="connsiteY2" fmla="*/ 6179953 h 6210433"/>
              <a:gd name="connsiteX3" fmla="*/ 11430 w 12538205"/>
              <a:gd name="connsiteY3" fmla="*/ 4789837 h 6210433"/>
              <a:gd name="connsiteX4" fmla="*/ 547966 w 12538205"/>
              <a:gd name="connsiteY4" fmla="*/ 4719788 h 6210433"/>
              <a:gd name="connsiteX5" fmla="*/ 2301870 w 12538205"/>
              <a:gd name="connsiteY5" fmla="*/ 4503269 h 6210433"/>
              <a:gd name="connsiteX6" fmla="*/ 3851883 w 12538205"/>
              <a:gd name="connsiteY6" fmla="*/ 4177681 h 6210433"/>
              <a:gd name="connsiteX7" fmla="*/ 5465922 w 12538205"/>
              <a:gd name="connsiteY7" fmla="*/ 3761500 h 6210433"/>
              <a:gd name="connsiteX8" fmla="*/ 7127060 w 12538205"/>
              <a:gd name="connsiteY8" fmla="*/ 3613390 h 6210433"/>
              <a:gd name="connsiteX9" fmla="*/ 8777983 w 12538205"/>
              <a:gd name="connsiteY9" fmla="*/ 3010732 h 6210433"/>
              <a:gd name="connsiteX10" fmla="*/ 10389324 w 12538205"/>
              <a:gd name="connsiteY10" fmla="*/ 1804141 h 6210433"/>
              <a:gd name="connsiteX11" fmla="*/ 12533099 w 12538205"/>
              <a:gd name="connsiteY11" fmla="*/ 0 h 6210433"/>
              <a:gd name="connsiteX12" fmla="*/ 12538205 w 12538205"/>
              <a:gd name="connsiteY12" fmla="*/ 0 h 6210433"/>
              <a:gd name="connsiteX0" fmla="*/ 12538205 w 12538205"/>
              <a:gd name="connsiteY0" fmla="*/ 0 h 6225673"/>
              <a:gd name="connsiteX1" fmla="*/ 12538205 w 12538205"/>
              <a:gd name="connsiteY1" fmla="*/ 6210433 h 6225673"/>
              <a:gd name="connsiteX2" fmla="*/ 0 w 12538205"/>
              <a:gd name="connsiteY2" fmla="*/ 6225673 h 6225673"/>
              <a:gd name="connsiteX3" fmla="*/ 11430 w 12538205"/>
              <a:gd name="connsiteY3" fmla="*/ 4789837 h 6225673"/>
              <a:gd name="connsiteX4" fmla="*/ 547966 w 12538205"/>
              <a:gd name="connsiteY4" fmla="*/ 4719788 h 6225673"/>
              <a:gd name="connsiteX5" fmla="*/ 2301870 w 12538205"/>
              <a:gd name="connsiteY5" fmla="*/ 4503269 h 6225673"/>
              <a:gd name="connsiteX6" fmla="*/ 3851883 w 12538205"/>
              <a:gd name="connsiteY6" fmla="*/ 4177681 h 6225673"/>
              <a:gd name="connsiteX7" fmla="*/ 5465922 w 12538205"/>
              <a:gd name="connsiteY7" fmla="*/ 3761500 h 6225673"/>
              <a:gd name="connsiteX8" fmla="*/ 7127060 w 12538205"/>
              <a:gd name="connsiteY8" fmla="*/ 3613390 h 6225673"/>
              <a:gd name="connsiteX9" fmla="*/ 8777983 w 12538205"/>
              <a:gd name="connsiteY9" fmla="*/ 3010732 h 6225673"/>
              <a:gd name="connsiteX10" fmla="*/ 10389324 w 12538205"/>
              <a:gd name="connsiteY10" fmla="*/ 1804141 h 6225673"/>
              <a:gd name="connsiteX11" fmla="*/ 12533099 w 12538205"/>
              <a:gd name="connsiteY11" fmla="*/ 0 h 6225673"/>
              <a:gd name="connsiteX12" fmla="*/ 12538205 w 12538205"/>
              <a:gd name="connsiteY12" fmla="*/ 0 h 6225673"/>
              <a:gd name="connsiteX0" fmla="*/ 12243565 w 12538205"/>
              <a:gd name="connsiteY0" fmla="*/ 243840 h 6225673"/>
              <a:gd name="connsiteX1" fmla="*/ 12538205 w 12538205"/>
              <a:gd name="connsiteY1" fmla="*/ 6210433 h 6225673"/>
              <a:gd name="connsiteX2" fmla="*/ 0 w 12538205"/>
              <a:gd name="connsiteY2" fmla="*/ 6225673 h 6225673"/>
              <a:gd name="connsiteX3" fmla="*/ 11430 w 12538205"/>
              <a:gd name="connsiteY3" fmla="*/ 4789837 h 6225673"/>
              <a:gd name="connsiteX4" fmla="*/ 547966 w 12538205"/>
              <a:gd name="connsiteY4" fmla="*/ 4719788 h 6225673"/>
              <a:gd name="connsiteX5" fmla="*/ 2301870 w 12538205"/>
              <a:gd name="connsiteY5" fmla="*/ 4503269 h 6225673"/>
              <a:gd name="connsiteX6" fmla="*/ 3851883 w 12538205"/>
              <a:gd name="connsiteY6" fmla="*/ 4177681 h 6225673"/>
              <a:gd name="connsiteX7" fmla="*/ 5465922 w 12538205"/>
              <a:gd name="connsiteY7" fmla="*/ 3761500 h 6225673"/>
              <a:gd name="connsiteX8" fmla="*/ 7127060 w 12538205"/>
              <a:gd name="connsiteY8" fmla="*/ 3613390 h 6225673"/>
              <a:gd name="connsiteX9" fmla="*/ 8777983 w 12538205"/>
              <a:gd name="connsiteY9" fmla="*/ 3010732 h 6225673"/>
              <a:gd name="connsiteX10" fmla="*/ 10389324 w 12538205"/>
              <a:gd name="connsiteY10" fmla="*/ 1804141 h 6225673"/>
              <a:gd name="connsiteX11" fmla="*/ 12533099 w 12538205"/>
              <a:gd name="connsiteY11" fmla="*/ 0 h 6225673"/>
              <a:gd name="connsiteX12" fmla="*/ 12243565 w 12538205"/>
              <a:gd name="connsiteY12" fmla="*/ 243840 h 6225673"/>
              <a:gd name="connsiteX0" fmla="*/ 12243565 w 12533099"/>
              <a:gd name="connsiteY0" fmla="*/ 243840 h 6251073"/>
              <a:gd name="connsiteX1" fmla="*/ 12258805 w 12533099"/>
              <a:gd name="connsiteY1" fmla="*/ 6251073 h 6251073"/>
              <a:gd name="connsiteX2" fmla="*/ 0 w 12533099"/>
              <a:gd name="connsiteY2" fmla="*/ 6225673 h 6251073"/>
              <a:gd name="connsiteX3" fmla="*/ 11430 w 12533099"/>
              <a:gd name="connsiteY3" fmla="*/ 4789837 h 6251073"/>
              <a:gd name="connsiteX4" fmla="*/ 547966 w 12533099"/>
              <a:gd name="connsiteY4" fmla="*/ 4719788 h 6251073"/>
              <a:gd name="connsiteX5" fmla="*/ 2301870 w 12533099"/>
              <a:gd name="connsiteY5" fmla="*/ 4503269 h 6251073"/>
              <a:gd name="connsiteX6" fmla="*/ 3851883 w 12533099"/>
              <a:gd name="connsiteY6" fmla="*/ 4177681 h 6251073"/>
              <a:gd name="connsiteX7" fmla="*/ 5465922 w 12533099"/>
              <a:gd name="connsiteY7" fmla="*/ 3761500 h 6251073"/>
              <a:gd name="connsiteX8" fmla="*/ 7127060 w 12533099"/>
              <a:gd name="connsiteY8" fmla="*/ 3613390 h 6251073"/>
              <a:gd name="connsiteX9" fmla="*/ 8777983 w 12533099"/>
              <a:gd name="connsiteY9" fmla="*/ 3010732 h 6251073"/>
              <a:gd name="connsiteX10" fmla="*/ 10389324 w 12533099"/>
              <a:gd name="connsiteY10" fmla="*/ 1804141 h 6251073"/>
              <a:gd name="connsiteX11" fmla="*/ 12533099 w 12533099"/>
              <a:gd name="connsiteY11" fmla="*/ 0 h 6251073"/>
              <a:gd name="connsiteX12" fmla="*/ 12243565 w 12533099"/>
              <a:gd name="connsiteY12" fmla="*/ 243840 h 6251073"/>
              <a:gd name="connsiteX0" fmla="*/ 12243565 w 12533099"/>
              <a:gd name="connsiteY0" fmla="*/ 243840 h 6251073"/>
              <a:gd name="connsiteX1" fmla="*/ 12258805 w 12533099"/>
              <a:gd name="connsiteY1" fmla="*/ 6251073 h 6251073"/>
              <a:gd name="connsiteX2" fmla="*/ 0 w 12533099"/>
              <a:gd name="connsiteY2" fmla="*/ 6225673 h 6251073"/>
              <a:gd name="connsiteX3" fmla="*/ 11430 w 12533099"/>
              <a:gd name="connsiteY3" fmla="*/ 4789837 h 6251073"/>
              <a:gd name="connsiteX4" fmla="*/ 547966 w 12533099"/>
              <a:gd name="connsiteY4" fmla="*/ 4719788 h 6251073"/>
              <a:gd name="connsiteX5" fmla="*/ 2301870 w 12533099"/>
              <a:gd name="connsiteY5" fmla="*/ 4503269 h 6251073"/>
              <a:gd name="connsiteX6" fmla="*/ 3851883 w 12533099"/>
              <a:gd name="connsiteY6" fmla="*/ 4177681 h 6251073"/>
              <a:gd name="connsiteX7" fmla="*/ 5465922 w 12533099"/>
              <a:gd name="connsiteY7" fmla="*/ 3761500 h 6251073"/>
              <a:gd name="connsiteX8" fmla="*/ 6605090 w 12533099"/>
              <a:gd name="connsiteY8" fmla="*/ 3666730 h 6251073"/>
              <a:gd name="connsiteX9" fmla="*/ 8777983 w 12533099"/>
              <a:gd name="connsiteY9" fmla="*/ 3010732 h 6251073"/>
              <a:gd name="connsiteX10" fmla="*/ 10389324 w 12533099"/>
              <a:gd name="connsiteY10" fmla="*/ 1804141 h 6251073"/>
              <a:gd name="connsiteX11" fmla="*/ 12533099 w 12533099"/>
              <a:gd name="connsiteY11" fmla="*/ 0 h 6251073"/>
              <a:gd name="connsiteX12" fmla="*/ 12243565 w 12533099"/>
              <a:gd name="connsiteY12" fmla="*/ 243840 h 6251073"/>
              <a:gd name="connsiteX0" fmla="*/ 12243565 w 12533099"/>
              <a:gd name="connsiteY0" fmla="*/ 243840 h 6251073"/>
              <a:gd name="connsiteX1" fmla="*/ 12258805 w 12533099"/>
              <a:gd name="connsiteY1" fmla="*/ 6251073 h 6251073"/>
              <a:gd name="connsiteX2" fmla="*/ 0 w 12533099"/>
              <a:gd name="connsiteY2" fmla="*/ 6225673 h 6251073"/>
              <a:gd name="connsiteX3" fmla="*/ 11430 w 12533099"/>
              <a:gd name="connsiteY3" fmla="*/ 4789837 h 6251073"/>
              <a:gd name="connsiteX4" fmla="*/ 547966 w 12533099"/>
              <a:gd name="connsiteY4" fmla="*/ 4719788 h 6251073"/>
              <a:gd name="connsiteX5" fmla="*/ 2301870 w 12533099"/>
              <a:gd name="connsiteY5" fmla="*/ 4503269 h 6251073"/>
              <a:gd name="connsiteX6" fmla="*/ 3851883 w 12533099"/>
              <a:gd name="connsiteY6" fmla="*/ 4177681 h 6251073"/>
              <a:gd name="connsiteX7" fmla="*/ 5465922 w 12533099"/>
              <a:gd name="connsiteY7" fmla="*/ 3761500 h 6251073"/>
              <a:gd name="connsiteX8" fmla="*/ 6605090 w 12533099"/>
              <a:gd name="connsiteY8" fmla="*/ 3666730 h 6251073"/>
              <a:gd name="connsiteX9" fmla="*/ 8050273 w 12533099"/>
              <a:gd name="connsiteY9" fmla="*/ 2991682 h 6251073"/>
              <a:gd name="connsiteX10" fmla="*/ 10389324 w 12533099"/>
              <a:gd name="connsiteY10" fmla="*/ 1804141 h 6251073"/>
              <a:gd name="connsiteX11" fmla="*/ 12533099 w 12533099"/>
              <a:gd name="connsiteY11" fmla="*/ 0 h 6251073"/>
              <a:gd name="connsiteX12" fmla="*/ 12243565 w 12533099"/>
              <a:gd name="connsiteY12" fmla="*/ 243840 h 6251073"/>
              <a:gd name="connsiteX0" fmla="*/ 12243565 w 12533099"/>
              <a:gd name="connsiteY0" fmla="*/ 243840 h 6251073"/>
              <a:gd name="connsiteX1" fmla="*/ 12258805 w 12533099"/>
              <a:gd name="connsiteY1" fmla="*/ 6251073 h 6251073"/>
              <a:gd name="connsiteX2" fmla="*/ 0 w 12533099"/>
              <a:gd name="connsiteY2" fmla="*/ 6225673 h 6251073"/>
              <a:gd name="connsiteX3" fmla="*/ 11430 w 12533099"/>
              <a:gd name="connsiteY3" fmla="*/ 4789837 h 6251073"/>
              <a:gd name="connsiteX4" fmla="*/ 547966 w 12533099"/>
              <a:gd name="connsiteY4" fmla="*/ 4719788 h 6251073"/>
              <a:gd name="connsiteX5" fmla="*/ 2301870 w 12533099"/>
              <a:gd name="connsiteY5" fmla="*/ 4503269 h 6251073"/>
              <a:gd name="connsiteX6" fmla="*/ 3851883 w 12533099"/>
              <a:gd name="connsiteY6" fmla="*/ 4177681 h 6251073"/>
              <a:gd name="connsiteX7" fmla="*/ 5465922 w 12533099"/>
              <a:gd name="connsiteY7" fmla="*/ 3761500 h 6251073"/>
              <a:gd name="connsiteX8" fmla="*/ 6605090 w 12533099"/>
              <a:gd name="connsiteY8" fmla="*/ 3666730 h 6251073"/>
              <a:gd name="connsiteX9" fmla="*/ 8050273 w 12533099"/>
              <a:gd name="connsiteY9" fmla="*/ 2991682 h 6251073"/>
              <a:gd name="connsiteX10" fmla="*/ 10389324 w 12533099"/>
              <a:gd name="connsiteY10" fmla="*/ 1804141 h 6251073"/>
              <a:gd name="connsiteX11" fmla="*/ 12533099 w 12533099"/>
              <a:gd name="connsiteY11" fmla="*/ 0 h 6251073"/>
              <a:gd name="connsiteX12" fmla="*/ 12243565 w 12533099"/>
              <a:gd name="connsiteY12" fmla="*/ 243840 h 6251073"/>
              <a:gd name="connsiteX0" fmla="*/ 12243565 w 12533099"/>
              <a:gd name="connsiteY0" fmla="*/ 243840 h 6251073"/>
              <a:gd name="connsiteX1" fmla="*/ 12258805 w 12533099"/>
              <a:gd name="connsiteY1" fmla="*/ 6251073 h 6251073"/>
              <a:gd name="connsiteX2" fmla="*/ 0 w 12533099"/>
              <a:gd name="connsiteY2" fmla="*/ 6225673 h 6251073"/>
              <a:gd name="connsiteX3" fmla="*/ 11430 w 12533099"/>
              <a:gd name="connsiteY3" fmla="*/ 4789837 h 6251073"/>
              <a:gd name="connsiteX4" fmla="*/ 547966 w 12533099"/>
              <a:gd name="connsiteY4" fmla="*/ 4719788 h 6251073"/>
              <a:gd name="connsiteX5" fmla="*/ 2301870 w 12533099"/>
              <a:gd name="connsiteY5" fmla="*/ 4503269 h 6251073"/>
              <a:gd name="connsiteX6" fmla="*/ 3851883 w 12533099"/>
              <a:gd name="connsiteY6" fmla="*/ 4177681 h 6251073"/>
              <a:gd name="connsiteX7" fmla="*/ 5168742 w 12533099"/>
              <a:gd name="connsiteY7" fmla="*/ 3791980 h 6251073"/>
              <a:gd name="connsiteX8" fmla="*/ 6605090 w 12533099"/>
              <a:gd name="connsiteY8" fmla="*/ 3666730 h 6251073"/>
              <a:gd name="connsiteX9" fmla="*/ 8050273 w 12533099"/>
              <a:gd name="connsiteY9" fmla="*/ 2991682 h 6251073"/>
              <a:gd name="connsiteX10" fmla="*/ 10389324 w 12533099"/>
              <a:gd name="connsiteY10" fmla="*/ 1804141 h 6251073"/>
              <a:gd name="connsiteX11" fmla="*/ 12533099 w 12533099"/>
              <a:gd name="connsiteY11" fmla="*/ 0 h 6251073"/>
              <a:gd name="connsiteX12" fmla="*/ 12243565 w 12533099"/>
              <a:gd name="connsiteY12" fmla="*/ 243840 h 6251073"/>
              <a:gd name="connsiteX0" fmla="*/ 12243565 w 12533099"/>
              <a:gd name="connsiteY0" fmla="*/ 243840 h 6251073"/>
              <a:gd name="connsiteX1" fmla="*/ 12258805 w 12533099"/>
              <a:gd name="connsiteY1" fmla="*/ 6251073 h 6251073"/>
              <a:gd name="connsiteX2" fmla="*/ 0 w 12533099"/>
              <a:gd name="connsiteY2" fmla="*/ 6225673 h 6251073"/>
              <a:gd name="connsiteX3" fmla="*/ 11430 w 12533099"/>
              <a:gd name="connsiteY3" fmla="*/ 4789837 h 6251073"/>
              <a:gd name="connsiteX4" fmla="*/ 547966 w 12533099"/>
              <a:gd name="connsiteY4" fmla="*/ 4719788 h 6251073"/>
              <a:gd name="connsiteX5" fmla="*/ 2301870 w 12533099"/>
              <a:gd name="connsiteY5" fmla="*/ 4503269 h 6251073"/>
              <a:gd name="connsiteX6" fmla="*/ 3851883 w 12533099"/>
              <a:gd name="connsiteY6" fmla="*/ 4177681 h 6251073"/>
              <a:gd name="connsiteX7" fmla="*/ 5168742 w 12533099"/>
              <a:gd name="connsiteY7" fmla="*/ 3791980 h 6251073"/>
              <a:gd name="connsiteX8" fmla="*/ 6605090 w 12533099"/>
              <a:gd name="connsiteY8" fmla="*/ 3666730 h 6251073"/>
              <a:gd name="connsiteX9" fmla="*/ 8050273 w 12533099"/>
              <a:gd name="connsiteY9" fmla="*/ 2991682 h 6251073"/>
              <a:gd name="connsiteX10" fmla="*/ 9487624 w 12533099"/>
              <a:gd name="connsiteY10" fmla="*/ 1816841 h 6251073"/>
              <a:gd name="connsiteX11" fmla="*/ 12533099 w 12533099"/>
              <a:gd name="connsiteY11" fmla="*/ 0 h 6251073"/>
              <a:gd name="connsiteX12" fmla="*/ 12243565 w 12533099"/>
              <a:gd name="connsiteY12" fmla="*/ 243840 h 6251073"/>
              <a:gd name="connsiteX0" fmla="*/ 12243565 w 12533099"/>
              <a:gd name="connsiteY0" fmla="*/ 243840 h 6251073"/>
              <a:gd name="connsiteX1" fmla="*/ 12258805 w 12533099"/>
              <a:gd name="connsiteY1" fmla="*/ 6251073 h 6251073"/>
              <a:gd name="connsiteX2" fmla="*/ 0 w 12533099"/>
              <a:gd name="connsiteY2" fmla="*/ 6225673 h 6251073"/>
              <a:gd name="connsiteX3" fmla="*/ 11430 w 12533099"/>
              <a:gd name="connsiteY3" fmla="*/ 4789837 h 6251073"/>
              <a:gd name="connsiteX4" fmla="*/ 547966 w 12533099"/>
              <a:gd name="connsiteY4" fmla="*/ 4719788 h 6251073"/>
              <a:gd name="connsiteX5" fmla="*/ 2301870 w 12533099"/>
              <a:gd name="connsiteY5" fmla="*/ 4503269 h 6251073"/>
              <a:gd name="connsiteX6" fmla="*/ 3851883 w 12533099"/>
              <a:gd name="connsiteY6" fmla="*/ 4177681 h 6251073"/>
              <a:gd name="connsiteX7" fmla="*/ 5168742 w 12533099"/>
              <a:gd name="connsiteY7" fmla="*/ 3791980 h 6251073"/>
              <a:gd name="connsiteX8" fmla="*/ 6605090 w 12533099"/>
              <a:gd name="connsiteY8" fmla="*/ 3666730 h 6251073"/>
              <a:gd name="connsiteX9" fmla="*/ 8050273 w 12533099"/>
              <a:gd name="connsiteY9" fmla="*/ 2991682 h 6251073"/>
              <a:gd name="connsiteX10" fmla="*/ 9487624 w 12533099"/>
              <a:gd name="connsiteY10" fmla="*/ 1816841 h 6251073"/>
              <a:gd name="connsiteX11" fmla="*/ 12533099 w 12533099"/>
              <a:gd name="connsiteY11" fmla="*/ 0 h 6251073"/>
              <a:gd name="connsiteX12" fmla="*/ 12243565 w 12533099"/>
              <a:gd name="connsiteY12" fmla="*/ 243840 h 6251073"/>
              <a:gd name="connsiteX0" fmla="*/ 12286237 w 12533099"/>
              <a:gd name="connsiteY0" fmla="*/ 1237488 h 6251073"/>
              <a:gd name="connsiteX1" fmla="*/ 12258805 w 12533099"/>
              <a:gd name="connsiteY1" fmla="*/ 6251073 h 6251073"/>
              <a:gd name="connsiteX2" fmla="*/ 0 w 12533099"/>
              <a:gd name="connsiteY2" fmla="*/ 6225673 h 6251073"/>
              <a:gd name="connsiteX3" fmla="*/ 11430 w 12533099"/>
              <a:gd name="connsiteY3" fmla="*/ 4789837 h 6251073"/>
              <a:gd name="connsiteX4" fmla="*/ 547966 w 12533099"/>
              <a:gd name="connsiteY4" fmla="*/ 4719788 h 6251073"/>
              <a:gd name="connsiteX5" fmla="*/ 2301870 w 12533099"/>
              <a:gd name="connsiteY5" fmla="*/ 4503269 h 6251073"/>
              <a:gd name="connsiteX6" fmla="*/ 3851883 w 12533099"/>
              <a:gd name="connsiteY6" fmla="*/ 4177681 h 6251073"/>
              <a:gd name="connsiteX7" fmla="*/ 5168742 w 12533099"/>
              <a:gd name="connsiteY7" fmla="*/ 3791980 h 6251073"/>
              <a:gd name="connsiteX8" fmla="*/ 6605090 w 12533099"/>
              <a:gd name="connsiteY8" fmla="*/ 3666730 h 6251073"/>
              <a:gd name="connsiteX9" fmla="*/ 8050273 w 12533099"/>
              <a:gd name="connsiteY9" fmla="*/ 2991682 h 6251073"/>
              <a:gd name="connsiteX10" fmla="*/ 9487624 w 12533099"/>
              <a:gd name="connsiteY10" fmla="*/ 1816841 h 6251073"/>
              <a:gd name="connsiteX11" fmla="*/ 12533099 w 12533099"/>
              <a:gd name="connsiteY11" fmla="*/ 0 h 6251073"/>
              <a:gd name="connsiteX12" fmla="*/ 12286237 w 12533099"/>
              <a:gd name="connsiteY12" fmla="*/ 1237488 h 6251073"/>
              <a:gd name="connsiteX0" fmla="*/ 12286237 w 12286237"/>
              <a:gd name="connsiteY0" fmla="*/ 0 h 5013585"/>
              <a:gd name="connsiteX1" fmla="*/ 12258805 w 12286237"/>
              <a:gd name="connsiteY1" fmla="*/ 5013585 h 5013585"/>
              <a:gd name="connsiteX2" fmla="*/ 0 w 12286237"/>
              <a:gd name="connsiteY2" fmla="*/ 4988185 h 5013585"/>
              <a:gd name="connsiteX3" fmla="*/ 11430 w 12286237"/>
              <a:gd name="connsiteY3" fmla="*/ 3552349 h 5013585"/>
              <a:gd name="connsiteX4" fmla="*/ 547966 w 12286237"/>
              <a:gd name="connsiteY4" fmla="*/ 3482300 h 5013585"/>
              <a:gd name="connsiteX5" fmla="*/ 2301870 w 12286237"/>
              <a:gd name="connsiteY5" fmla="*/ 3265781 h 5013585"/>
              <a:gd name="connsiteX6" fmla="*/ 3851883 w 12286237"/>
              <a:gd name="connsiteY6" fmla="*/ 2940193 h 5013585"/>
              <a:gd name="connsiteX7" fmla="*/ 5168742 w 12286237"/>
              <a:gd name="connsiteY7" fmla="*/ 2554492 h 5013585"/>
              <a:gd name="connsiteX8" fmla="*/ 6605090 w 12286237"/>
              <a:gd name="connsiteY8" fmla="*/ 2429242 h 5013585"/>
              <a:gd name="connsiteX9" fmla="*/ 8050273 w 12286237"/>
              <a:gd name="connsiteY9" fmla="*/ 1754194 h 5013585"/>
              <a:gd name="connsiteX10" fmla="*/ 9487624 w 12286237"/>
              <a:gd name="connsiteY10" fmla="*/ 579353 h 5013585"/>
              <a:gd name="connsiteX11" fmla="*/ 10917659 w 12286237"/>
              <a:gd name="connsiteY11" fmla="*/ 60960 h 5013585"/>
              <a:gd name="connsiteX12" fmla="*/ 12286237 w 12286237"/>
              <a:gd name="connsiteY12" fmla="*/ 0 h 5013585"/>
              <a:gd name="connsiteX0" fmla="*/ 12286237 w 12286237"/>
              <a:gd name="connsiteY0" fmla="*/ 0 h 5013585"/>
              <a:gd name="connsiteX1" fmla="*/ 12258805 w 12286237"/>
              <a:gd name="connsiteY1" fmla="*/ 5013585 h 5013585"/>
              <a:gd name="connsiteX2" fmla="*/ 0 w 12286237"/>
              <a:gd name="connsiteY2" fmla="*/ 4988185 h 5013585"/>
              <a:gd name="connsiteX3" fmla="*/ 11430 w 12286237"/>
              <a:gd name="connsiteY3" fmla="*/ 3552349 h 5013585"/>
              <a:gd name="connsiteX4" fmla="*/ 547966 w 12286237"/>
              <a:gd name="connsiteY4" fmla="*/ 3482300 h 5013585"/>
              <a:gd name="connsiteX5" fmla="*/ 2301870 w 12286237"/>
              <a:gd name="connsiteY5" fmla="*/ 3265781 h 5013585"/>
              <a:gd name="connsiteX6" fmla="*/ 3851883 w 12286237"/>
              <a:gd name="connsiteY6" fmla="*/ 2940193 h 5013585"/>
              <a:gd name="connsiteX7" fmla="*/ 5168742 w 12286237"/>
              <a:gd name="connsiteY7" fmla="*/ 2554492 h 5013585"/>
              <a:gd name="connsiteX8" fmla="*/ 6605090 w 12286237"/>
              <a:gd name="connsiteY8" fmla="*/ 2429242 h 5013585"/>
              <a:gd name="connsiteX9" fmla="*/ 8050273 w 12286237"/>
              <a:gd name="connsiteY9" fmla="*/ 1754194 h 5013585"/>
              <a:gd name="connsiteX10" fmla="*/ 9487624 w 12286237"/>
              <a:gd name="connsiteY10" fmla="*/ 579353 h 5013585"/>
              <a:gd name="connsiteX11" fmla="*/ 10917659 w 12286237"/>
              <a:gd name="connsiteY11" fmla="*/ 60960 h 5013585"/>
              <a:gd name="connsiteX12" fmla="*/ 12286237 w 12286237"/>
              <a:gd name="connsiteY12" fmla="*/ 0 h 5013585"/>
              <a:gd name="connsiteX0" fmla="*/ 12286237 w 12286237"/>
              <a:gd name="connsiteY0" fmla="*/ 0 h 5013585"/>
              <a:gd name="connsiteX1" fmla="*/ 12258805 w 12286237"/>
              <a:gd name="connsiteY1" fmla="*/ 5013585 h 5013585"/>
              <a:gd name="connsiteX2" fmla="*/ 0 w 12286237"/>
              <a:gd name="connsiteY2" fmla="*/ 4988185 h 5013585"/>
              <a:gd name="connsiteX3" fmla="*/ 11430 w 12286237"/>
              <a:gd name="connsiteY3" fmla="*/ 3552349 h 5013585"/>
              <a:gd name="connsiteX4" fmla="*/ 547966 w 12286237"/>
              <a:gd name="connsiteY4" fmla="*/ 3482300 h 5013585"/>
              <a:gd name="connsiteX5" fmla="*/ 2301870 w 12286237"/>
              <a:gd name="connsiteY5" fmla="*/ 3265781 h 5013585"/>
              <a:gd name="connsiteX6" fmla="*/ 3851883 w 12286237"/>
              <a:gd name="connsiteY6" fmla="*/ 2940193 h 5013585"/>
              <a:gd name="connsiteX7" fmla="*/ 5168742 w 12286237"/>
              <a:gd name="connsiteY7" fmla="*/ 2554492 h 5013585"/>
              <a:gd name="connsiteX8" fmla="*/ 6605090 w 12286237"/>
              <a:gd name="connsiteY8" fmla="*/ 2429242 h 5013585"/>
              <a:gd name="connsiteX9" fmla="*/ 8050273 w 12286237"/>
              <a:gd name="connsiteY9" fmla="*/ 1754194 h 5013585"/>
              <a:gd name="connsiteX10" fmla="*/ 9487624 w 12286237"/>
              <a:gd name="connsiteY10" fmla="*/ 579353 h 5013585"/>
              <a:gd name="connsiteX11" fmla="*/ 10917659 w 12286237"/>
              <a:gd name="connsiteY11" fmla="*/ 60960 h 5013585"/>
              <a:gd name="connsiteX12" fmla="*/ 12286237 w 12286237"/>
              <a:gd name="connsiteY12" fmla="*/ 0 h 5013585"/>
              <a:gd name="connsiteX0" fmla="*/ 12286237 w 12286237"/>
              <a:gd name="connsiteY0" fmla="*/ 0 h 5013585"/>
              <a:gd name="connsiteX1" fmla="*/ 12258805 w 12286237"/>
              <a:gd name="connsiteY1" fmla="*/ 5013585 h 5013585"/>
              <a:gd name="connsiteX2" fmla="*/ 0 w 12286237"/>
              <a:gd name="connsiteY2" fmla="*/ 4988185 h 5013585"/>
              <a:gd name="connsiteX3" fmla="*/ 11430 w 12286237"/>
              <a:gd name="connsiteY3" fmla="*/ 3552349 h 5013585"/>
              <a:gd name="connsiteX4" fmla="*/ 547966 w 12286237"/>
              <a:gd name="connsiteY4" fmla="*/ 3482300 h 5013585"/>
              <a:gd name="connsiteX5" fmla="*/ 2301870 w 12286237"/>
              <a:gd name="connsiteY5" fmla="*/ 3265781 h 5013585"/>
              <a:gd name="connsiteX6" fmla="*/ 3851883 w 12286237"/>
              <a:gd name="connsiteY6" fmla="*/ 2940193 h 5013585"/>
              <a:gd name="connsiteX7" fmla="*/ 5168742 w 12286237"/>
              <a:gd name="connsiteY7" fmla="*/ 2554492 h 5013585"/>
              <a:gd name="connsiteX8" fmla="*/ 6605090 w 12286237"/>
              <a:gd name="connsiteY8" fmla="*/ 2429242 h 5013585"/>
              <a:gd name="connsiteX9" fmla="*/ 8050273 w 12286237"/>
              <a:gd name="connsiteY9" fmla="*/ 1754194 h 5013585"/>
              <a:gd name="connsiteX10" fmla="*/ 9487624 w 12286237"/>
              <a:gd name="connsiteY10" fmla="*/ 579353 h 5013585"/>
              <a:gd name="connsiteX11" fmla="*/ 10917659 w 12286237"/>
              <a:gd name="connsiteY11" fmla="*/ 60960 h 5013585"/>
              <a:gd name="connsiteX12" fmla="*/ 12286237 w 12286237"/>
              <a:gd name="connsiteY12" fmla="*/ 0 h 5013585"/>
              <a:gd name="connsiteX0" fmla="*/ 12315733 w 12315733"/>
              <a:gd name="connsiteY0" fmla="*/ 0 h 5328218"/>
              <a:gd name="connsiteX1" fmla="*/ 12258805 w 12315733"/>
              <a:gd name="connsiteY1" fmla="*/ 5328218 h 5328218"/>
              <a:gd name="connsiteX2" fmla="*/ 0 w 12315733"/>
              <a:gd name="connsiteY2" fmla="*/ 5302818 h 5328218"/>
              <a:gd name="connsiteX3" fmla="*/ 11430 w 12315733"/>
              <a:gd name="connsiteY3" fmla="*/ 3866982 h 5328218"/>
              <a:gd name="connsiteX4" fmla="*/ 547966 w 12315733"/>
              <a:gd name="connsiteY4" fmla="*/ 3796933 h 5328218"/>
              <a:gd name="connsiteX5" fmla="*/ 2301870 w 12315733"/>
              <a:gd name="connsiteY5" fmla="*/ 3580414 h 5328218"/>
              <a:gd name="connsiteX6" fmla="*/ 3851883 w 12315733"/>
              <a:gd name="connsiteY6" fmla="*/ 3254826 h 5328218"/>
              <a:gd name="connsiteX7" fmla="*/ 5168742 w 12315733"/>
              <a:gd name="connsiteY7" fmla="*/ 2869125 h 5328218"/>
              <a:gd name="connsiteX8" fmla="*/ 6605090 w 12315733"/>
              <a:gd name="connsiteY8" fmla="*/ 2743875 h 5328218"/>
              <a:gd name="connsiteX9" fmla="*/ 8050273 w 12315733"/>
              <a:gd name="connsiteY9" fmla="*/ 2068827 h 5328218"/>
              <a:gd name="connsiteX10" fmla="*/ 9487624 w 12315733"/>
              <a:gd name="connsiteY10" fmla="*/ 893986 h 5328218"/>
              <a:gd name="connsiteX11" fmla="*/ 10917659 w 12315733"/>
              <a:gd name="connsiteY11" fmla="*/ 375593 h 5328218"/>
              <a:gd name="connsiteX12" fmla="*/ 12315733 w 12315733"/>
              <a:gd name="connsiteY12" fmla="*/ 0 h 5328218"/>
              <a:gd name="connsiteX0" fmla="*/ 12315733 w 12315733"/>
              <a:gd name="connsiteY0" fmla="*/ 0 h 5328218"/>
              <a:gd name="connsiteX1" fmla="*/ 12258805 w 12315733"/>
              <a:gd name="connsiteY1" fmla="*/ 5328218 h 5328218"/>
              <a:gd name="connsiteX2" fmla="*/ 0 w 12315733"/>
              <a:gd name="connsiteY2" fmla="*/ 5302818 h 5328218"/>
              <a:gd name="connsiteX3" fmla="*/ 11430 w 12315733"/>
              <a:gd name="connsiteY3" fmla="*/ 3866982 h 5328218"/>
              <a:gd name="connsiteX4" fmla="*/ 547966 w 12315733"/>
              <a:gd name="connsiteY4" fmla="*/ 3796933 h 5328218"/>
              <a:gd name="connsiteX5" fmla="*/ 2301870 w 12315733"/>
              <a:gd name="connsiteY5" fmla="*/ 3580414 h 5328218"/>
              <a:gd name="connsiteX6" fmla="*/ 3714723 w 12315733"/>
              <a:gd name="connsiteY6" fmla="*/ 3158306 h 5328218"/>
              <a:gd name="connsiteX7" fmla="*/ 5168742 w 12315733"/>
              <a:gd name="connsiteY7" fmla="*/ 2869125 h 5328218"/>
              <a:gd name="connsiteX8" fmla="*/ 6605090 w 12315733"/>
              <a:gd name="connsiteY8" fmla="*/ 2743875 h 5328218"/>
              <a:gd name="connsiteX9" fmla="*/ 8050273 w 12315733"/>
              <a:gd name="connsiteY9" fmla="*/ 2068827 h 5328218"/>
              <a:gd name="connsiteX10" fmla="*/ 9487624 w 12315733"/>
              <a:gd name="connsiteY10" fmla="*/ 893986 h 5328218"/>
              <a:gd name="connsiteX11" fmla="*/ 10917659 w 12315733"/>
              <a:gd name="connsiteY11" fmla="*/ 375593 h 5328218"/>
              <a:gd name="connsiteX12" fmla="*/ 12315733 w 12315733"/>
              <a:gd name="connsiteY12" fmla="*/ 0 h 5328218"/>
              <a:gd name="connsiteX0" fmla="*/ 12315733 w 12315733"/>
              <a:gd name="connsiteY0" fmla="*/ 0 h 5328218"/>
              <a:gd name="connsiteX1" fmla="*/ 12258805 w 12315733"/>
              <a:gd name="connsiteY1" fmla="*/ 5328218 h 5328218"/>
              <a:gd name="connsiteX2" fmla="*/ 0 w 12315733"/>
              <a:gd name="connsiteY2" fmla="*/ 5302818 h 5328218"/>
              <a:gd name="connsiteX3" fmla="*/ 11430 w 12315733"/>
              <a:gd name="connsiteY3" fmla="*/ 3866982 h 5328218"/>
              <a:gd name="connsiteX4" fmla="*/ 547966 w 12315733"/>
              <a:gd name="connsiteY4" fmla="*/ 3796933 h 5328218"/>
              <a:gd name="connsiteX5" fmla="*/ 2312030 w 12315733"/>
              <a:gd name="connsiteY5" fmla="*/ 3519454 h 5328218"/>
              <a:gd name="connsiteX6" fmla="*/ 3714723 w 12315733"/>
              <a:gd name="connsiteY6" fmla="*/ 3158306 h 5328218"/>
              <a:gd name="connsiteX7" fmla="*/ 5168742 w 12315733"/>
              <a:gd name="connsiteY7" fmla="*/ 2869125 h 5328218"/>
              <a:gd name="connsiteX8" fmla="*/ 6605090 w 12315733"/>
              <a:gd name="connsiteY8" fmla="*/ 2743875 h 5328218"/>
              <a:gd name="connsiteX9" fmla="*/ 8050273 w 12315733"/>
              <a:gd name="connsiteY9" fmla="*/ 2068827 h 5328218"/>
              <a:gd name="connsiteX10" fmla="*/ 9487624 w 12315733"/>
              <a:gd name="connsiteY10" fmla="*/ 893986 h 5328218"/>
              <a:gd name="connsiteX11" fmla="*/ 10917659 w 12315733"/>
              <a:gd name="connsiteY11" fmla="*/ 375593 h 5328218"/>
              <a:gd name="connsiteX12" fmla="*/ 12315733 w 12315733"/>
              <a:gd name="connsiteY12" fmla="*/ 0 h 5328218"/>
              <a:gd name="connsiteX0" fmla="*/ 12315733 w 12315733"/>
              <a:gd name="connsiteY0" fmla="*/ 0 h 5328218"/>
              <a:gd name="connsiteX1" fmla="*/ 12258805 w 12315733"/>
              <a:gd name="connsiteY1" fmla="*/ 5328218 h 5328218"/>
              <a:gd name="connsiteX2" fmla="*/ 0 w 12315733"/>
              <a:gd name="connsiteY2" fmla="*/ 5302818 h 5328218"/>
              <a:gd name="connsiteX3" fmla="*/ 11430 w 12315733"/>
              <a:gd name="connsiteY3" fmla="*/ 3866982 h 5328218"/>
              <a:gd name="connsiteX4" fmla="*/ 857846 w 12315733"/>
              <a:gd name="connsiteY4" fmla="*/ 3675013 h 5328218"/>
              <a:gd name="connsiteX5" fmla="*/ 2312030 w 12315733"/>
              <a:gd name="connsiteY5" fmla="*/ 3519454 h 5328218"/>
              <a:gd name="connsiteX6" fmla="*/ 3714723 w 12315733"/>
              <a:gd name="connsiteY6" fmla="*/ 3158306 h 5328218"/>
              <a:gd name="connsiteX7" fmla="*/ 5168742 w 12315733"/>
              <a:gd name="connsiteY7" fmla="*/ 2869125 h 5328218"/>
              <a:gd name="connsiteX8" fmla="*/ 6605090 w 12315733"/>
              <a:gd name="connsiteY8" fmla="*/ 2743875 h 5328218"/>
              <a:gd name="connsiteX9" fmla="*/ 8050273 w 12315733"/>
              <a:gd name="connsiteY9" fmla="*/ 2068827 h 5328218"/>
              <a:gd name="connsiteX10" fmla="*/ 9487624 w 12315733"/>
              <a:gd name="connsiteY10" fmla="*/ 893986 h 5328218"/>
              <a:gd name="connsiteX11" fmla="*/ 10917659 w 12315733"/>
              <a:gd name="connsiteY11" fmla="*/ 375593 h 5328218"/>
              <a:gd name="connsiteX12" fmla="*/ 12315733 w 12315733"/>
              <a:gd name="connsiteY12" fmla="*/ 0 h 5328218"/>
              <a:gd name="connsiteX0" fmla="*/ 12315733 w 12315733"/>
              <a:gd name="connsiteY0" fmla="*/ 0 h 5328218"/>
              <a:gd name="connsiteX1" fmla="*/ 12258805 w 12315733"/>
              <a:gd name="connsiteY1" fmla="*/ 5328218 h 5328218"/>
              <a:gd name="connsiteX2" fmla="*/ 0 w 12315733"/>
              <a:gd name="connsiteY2" fmla="*/ 5302818 h 5328218"/>
              <a:gd name="connsiteX3" fmla="*/ 1270 w 12315733"/>
              <a:gd name="connsiteY3" fmla="*/ 3760302 h 5328218"/>
              <a:gd name="connsiteX4" fmla="*/ 857846 w 12315733"/>
              <a:gd name="connsiteY4" fmla="*/ 3675013 h 5328218"/>
              <a:gd name="connsiteX5" fmla="*/ 2312030 w 12315733"/>
              <a:gd name="connsiteY5" fmla="*/ 3519454 h 5328218"/>
              <a:gd name="connsiteX6" fmla="*/ 3714723 w 12315733"/>
              <a:gd name="connsiteY6" fmla="*/ 3158306 h 5328218"/>
              <a:gd name="connsiteX7" fmla="*/ 5168742 w 12315733"/>
              <a:gd name="connsiteY7" fmla="*/ 2869125 h 5328218"/>
              <a:gd name="connsiteX8" fmla="*/ 6605090 w 12315733"/>
              <a:gd name="connsiteY8" fmla="*/ 2743875 h 5328218"/>
              <a:gd name="connsiteX9" fmla="*/ 8050273 w 12315733"/>
              <a:gd name="connsiteY9" fmla="*/ 2068827 h 5328218"/>
              <a:gd name="connsiteX10" fmla="*/ 9487624 w 12315733"/>
              <a:gd name="connsiteY10" fmla="*/ 893986 h 5328218"/>
              <a:gd name="connsiteX11" fmla="*/ 10917659 w 12315733"/>
              <a:gd name="connsiteY11" fmla="*/ 375593 h 5328218"/>
              <a:gd name="connsiteX12" fmla="*/ 12315733 w 12315733"/>
              <a:gd name="connsiteY12" fmla="*/ 0 h 5328218"/>
              <a:gd name="connsiteX0" fmla="*/ 12320834 w 12320834"/>
              <a:gd name="connsiteY0" fmla="*/ 0 h 5328218"/>
              <a:gd name="connsiteX1" fmla="*/ 12263906 w 12320834"/>
              <a:gd name="connsiteY1" fmla="*/ 5328218 h 5328218"/>
              <a:gd name="connsiteX2" fmla="*/ 5101 w 12320834"/>
              <a:gd name="connsiteY2" fmla="*/ 5302818 h 5328218"/>
              <a:gd name="connsiteX3" fmla="*/ 21 w 12320834"/>
              <a:gd name="connsiteY3" fmla="*/ 3677752 h 5328218"/>
              <a:gd name="connsiteX4" fmla="*/ 862947 w 12320834"/>
              <a:gd name="connsiteY4" fmla="*/ 3675013 h 5328218"/>
              <a:gd name="connsiteX5" fmla="*/ 2317131 w 12320834"/>
              <a:gd name="connsiteY5" fmla="*/ 3519454 h 5328218"/>
              <a:gd name="connsiteX6" fmla="*/ 3719824 w 12320834"/>
              <a:gd name="connsiteY6" fmla="*/ 3158306 h 5328218"/>
              <a:gd name="connsiteX7" fmla="*/ 5173843 w 12320834"/>
              <a:gd name="connsiteY7" fmla="*/ 2869125 h 5328218"/>
              <a:gd name="connsiteX8" fmla="*/ 6610191 w 12320834"/>
              <a:gd name="connsiteY8" fmla="*/ 2743875 h 5328218"/>
              <a:gd name="connsiteX9" fmla="*/ 8055374 w 12320834"/>
              <a:gd name="connsiteY9" fmla="*/ 2068827 h 5328218"/>
              <a:gd name="connsiteX10" fmla="*/ 9492725 w 12320834"/>
              <a:gd name="connsiteY10" fmla="*/ 893986 h 5328218"/>
              <a:gd name="connsiteX11" fmla="*/ 10922760 w 12320834"/>
              <a:gd name="connsiteY11" fmla="*/ 375593 h 5328218"/>
              <a:gd name="connsiteX12" fmla="*/ 12320834 w 12320834"/>
              <a:gd name="connsiteY12" fmla="*/ 0 h 5328218"/>
              <a:gd name="connsiteX0" fmla="*/ 12320834 w 12320834"/>
              <a:gd name="connsiteY0" fmla="*/ 0 h 5328218"/>
              <a:gd name="connsiteX1" fmla="*/ 12263906 w 12320834"/>
              <a:gd name="connsiteY1" fmla="*/ 5328218 h 5328218"/>
              <a:gd name="connsiteX2" fmla="*/ 5101 w 12320834"/>
              <a:gd name="connsiteY2" fmla="*/ 5302818 h 5328218"/>
              <a:gd name="connsiteX3" fmla="*/ 21 w 12320834"/>
              <a:gd name="connsiteY3" fmla="*/ 3677752 h 5328218"/>
              <a:gd name="connsiteX4" fmla="*/ 837547 w 12320834"/>
              <a:gd name="connsiteY4" fmla="*/ 3611513 h 5328218"/>
              <a:gd name="connsiteX5" fmla="*/ 2317131 w 12320834"/>
              <a:gd name="connsiteY5" fmla="*/ 3519454 h 5328218"/>
              <a:gd name="connsiteX6" fmla="*/ 3719824 w 12320834"/>
              <a:gd name="connsiteY6" fmla="*/ 3158306 h 5328218"/>
              <a:gd name="connsiteX7" fmla="*/ 5173843 w 12320834"/>
              <a:gd name="connsiteY7" fmla="*/ 2869125 h 5328218"/>
              <a:gd name="connsiteX8" fmla="*/ 6610191 w 12320834"/>
              <a:gd name="connsiteY8" fmla="*/ 2743875 h 5328218"/>
              <a:gd name="connsiteX9" fmla="*/ 8055374 w 12320834"/>
              <a:gd name="connsiteY9" fmla="*/ 2068827 h 5328218"/>
              <a:gd name="connsiteX10" fmla="*/ 9492725 w 12320834"/>
              <a:gd name="connsiteY10" fmla="*/ 893986 h 5328218"/>
              <a:gd name="connsiteX11" fmla="*/ 10922760 w 12320834"/>
              <a:gd name="connsiteY11" fmla="*/ 375593 h 5328218"/>
              <a:gd name="connsiteX12" fmla="*/ 12320834 w 12320834"/>
              <a:gd name="connsiteY12" fmla="*/ 0 h 5328218"/>
              <a:gd name="connsiteX0" fmla="*/ 12320834 w 12320834"/>
              <a:gd name="connsiteY0" fmla="*/ 0 h 5328218"/>
              <a:gd name="connsiteX1" fmla="*/ 12263906 w 12320834"/>
              <a:gd name="connsiteY1" fmla="*/ 5328218 h 5328218"/>
              <a:gd name="connsiteX2" fmla="*/ 5101 w 12320834"/>
              <a:gd name="connsiteY2" fmla="*/ 5302818 h 5328218"/>
              <a:gd name="connsiteX3" fmla="*/ 21 w 12320834"/>
              <a:gd name="connsiteY3" fmla="*/ 3677752 h 5328218"/>
              <a:gd name="connsiteX4" fmla="*/ 837547 w 12320834"/>
              <a:gd name="connsiteY4" fmla="*/ 3611513 h 5328218"/>
              <a:gd name="connsiteX5" fmla="*/ 2291731 w 12320834"/>
              <a:gd name="connsiteY5" fmla="*/ 3487704 h 5328218"/>
              <a:gd name="connsiteX6" fmla="*/ 3719824 w 12320834"/>
              <a:gd name="connsiteY6" fmla="*/ 3158306 h 5328218"/>
              <a:gd name="connsiteX7" fmla="*/ 5173843 w 12320834"/>
              <a:gd name="connsiteY7" fmla="*/ 2869125 h 5328218"/>
              <a:gd name="connsiteX8" fmla="*/ 6610191 w 12320834"/>
              <a:gd name="connsiteY8" fmla="*/ 2743875 h 5328218"/>
              <a:gd name="connsiteX9" fmla="*/ 8055374 w 12320834"/>
              <a:gd name="connsiteY9" fmla="*/ 2068827 h 5328218"/>
              <a:gd name="connsiteX10" fmla="*/ 9492725 w 12320834"/>
              <a:gd name="connsiteY10" fmla="*/ 893986 h 5328218"/>
              <a:gd name="connsiteX11" fmla="*/ 10922760 w 12320834"/>
              <a:gd name="connsiteY11" fmla="*/ 375593 h 5328218"/>
              <a:gd name="connsiteX12" fmla="*/ 12320834 w 12320834"/>
              <a:gd name="connsiteY12" fmla="*/ 0 h 5328218"/>
              <a:gd name="connsiteX0" fmla="*/ 12320834 w 12320834"/>
              <a:gd name="connsiteY0" fmla="*/ 0 h 5328218"/>
              <a:gd name="connsiteX1" fmla="*/ 12263906 w 12320834"/>
              <a:gd name="connsiteY1" fmla="*/ 5328218 h 5328218"/>
              <a:gd name="connsiteX2" fmla="*/ 5101 w 12320834"/>
              <a:gd name="connsiteY2" fmla="*/ 5302818 h 5328218"/>
              <a:gd name="connsiteX3" fmla="*/ 21 w 12320834"/>
              <a:gd name="connsiteY3" fmla="*/ 3677752 h 5328218"/>
              <a:gd name="connsiteX4" fmla="*/ 837547 w 12320834"/>
              <a:gd name="connsiteY4" fmla="*/ 3611513 h 5328218"/>
              <a:gd name="connsiteX5" fmla="*/ 2291731 w 12320834"/>
              <a:gd name="connsiteY5" fmla="*/ 3487704 h 5328218"/>
              <a:gd name="connsiteX6" fmla="*/ 3757924 w 12320834"/>
              <a:gd name="connsiteY6" fmla="*/ 3244031 h 5328218"/>
              <a:gd name="connsiteX7" fmla="*/ 5173843 w 12320834"/>
              <a:gd name="connsiteY7" fmla="*/ 2869125 h 5328218"/>
              <a:gd name="connsiteX8" fmla="*/ 6610191 w 12320834"/>
              <a:gd name="connsiteY8" fmla="*/ 2743875 h 5328218"/>
              <a:gd name="connsiteX9" fmla="*/ 8055374 w 12320834"/>
              <a:gd name="connsiteY9" fmla="*/ 2068827 h 5328218"/>
              <a:gd name="connsiteX10" fmla="*/ 9492725 w 12320834"/>
              <a:gd name="connsiteY10" fmla="*/ 893986 h 5328218"/>
              <a:gd name="connsiteX11" fmla="*/ 10922760 w 12320834"/>
              <a:gd name="connsiteY11" fmla="*/ 375593 h 5328218"/>
              <a:gd name="connsiteX12" fmla="*/ 12320834 w 12320834"/>
              <a:gd name="connsiteY12" fmla="*/ 0 h 5328218"/>
              <a:gd name="connsiteX0" fmla="*/ 12320834 w 12320834"/>
              <a:gd name="connsiteY0" fmla="*/ 0 h 5328218"/>
              <a:gd name="connsiteX1" fmla="*/ 12263906 w 12320834"/>
              <a:gd name="connsiteY1" fmla="*/ 5328218 h 5328218"/>
              <a:gd name="connsiteX2" fmla="*/ 5101 w 12320834"/>
              <a:gd name="connsiteY2" fmla="*/ 5302818 h 5328218"/>
              <a:gd name="connsiteX3" fmla="*/ 21 w 12320834"/>
              <a:gd name="connsiteY3" fmla="*/ 3677752 h 5328218"/>
              <a:gd name="connsiteX4" fmla="*/ 837547 w 12320834"/>
              <a:gd name="connsiteY4" fmla="*/ 3611513 h 5328218"/>
              <a:gd name="connsiteX5" fmla="*/ 2291731 w 12320834"/>
              <a:gd name="connsiteY5" fmla="*/ 3487704 h 5328218"/>
              <a:gd name="connsiteX6" fmla="*/ 3743637 w 12320834"/>
              <a:gd name="connsiteY6" fmla="*/ 3201169 h 5328218"/>
              <a:gd name="connsiteX7" fmla="*/ 5173843 w 12320834"/>
              <a:gd name="connsiteY7" fmla="*/ 2869125 h 5328218"/>
              <a:gd name="connsiteX8" fmla="*/ 6610191 w 12320834"/>
              <a:gd name="connsiteY8" fmla="*/ 2743875 h 5328218"/>
              <a:gd name="connsiteX9" fmla="*/ 8055374 w 12320834"/>
              <a:gd name="connsiteY9" fmla="*/ 2068827 h 5328218"/>
              <a:gd name="connsiteX10" fmla="*/ 9492725 w 12320834"/>
              <a:gd name="connsiteY10" fmla="*/ 893986 h 5328218"/>
              <a:gd name="connsiteX11" fmla="*/ 10922760 w 12320834"/>
              <a:gd name="connsiteY11" fmla="*/ 375593 h 5328218"/>
              <a:gd name="connsiteX12" fmla="*/ 12320834 w 12320834"/>
              <a:gd name="connsiteY12" fmla="*/ 0 h 5328218"/>
              <a:gd name="connsiteX0" fmla="*/ 12320834 w 12320834"/>
              <a:gd name="connsiteY0" fmla="*/ 0 h 5328218"/>
              <a:gd name="connsiteX1" fmla="*/ 12263906 w 12320834"/>
              <a:gd name="connsiteY1" fmla="*/ 5328218 h 5328218"/>
              <a:gd name="connsiteX2" fmla="*/ 5101 w 12320834"/>
              <a:gd name="connsiteY2" fmla="*/ 5302818 h 5328218"/>
              <a:gd name="connsiteX3" fmla="*/ 21 w 12320834"/>
              <a:gd name="connsiteY3" fmla="*/ 3677752 h 5328218"/>
              <a:gd name="connsiteX4" fmla="*/ 837547 w 12320834"/>
              <a:gd name="connsiteY4" fmla="*/ 3611513 h 5328218"/>
              <a:gd name="connsiteX5" fmla="*/ 2291731 w 12320834"/>
              <a:gd name="connsiteY5" fmla="*/ 3487704 h 5328218"/>
              <a:gd name="connsiteX6" fmla="*/ 3743637 w 12320834"/>
              <a:gd name="connsiteY6" fmla="*/ 3201169 h 5328218"/>
              <a:gd name="connsiteX7" fmla="*/ 5188131 w 12320834"/>
              <a:gd name="connsiteY7" fmla="*/ 3002475 h 5328218"/>
              <a:gd name="connsiteX8" fmla="*/ 6610191 w 12320834"/>
              <a:gd name="connsiteY8" fmla="*/ 2743875 h 5328218"/>
              <a:gd name="connsiteX9" fmla="*/ 8055374 w 12320834"/>
              <a:gd name="connsiteY9" fmla="*/ 2068827 h 5328218"/>
              <a:gd name="connsiteX10" fmla="*/ 9492725 w 12320834"/>
              <a:gd name="connsiteY10" fmla="*/ 893986 h 5328218"/>
              <a:gd name="connsiteX11" fmla="*/ 10922760 w 12320834"/>
              <a:gd name="connsiteY11" fmla="*/ 375593 h 5328218"/>
              <a:gd name="connsiteX12" fmla="*/ 12320834 w 12320834"/>
              <a:gd name="connsiteY12" fmla="*/ 0 h 5328218"/>
              <a:gd name="connsiteX0" fmla="*/ 12320834 w 12320834"/>
              <a:gd name="connsiteY0" fmla="*/ 0 h 5328218"/>
              <a:gd name="connsiteX1" fmla="*/ 12263906 w 12320834"/>
              <a:gd name="connsiteY1" fmla="*/ 5328218 h 5328218"/>
              <a:gd name="connsiteX2" fmla="*/ 5101 w 12320834"/>
              <a:gd name="connsiteY2" fmla="*/ 5302818 h 5328218"/>
              <a:gd name="connsiteX3" fmla="*/ 21 w 12320834"/>
              <a:gd name="connsiteY3" fmla="*/ 3677752 h 5328218"/>
              <a:gd name="connsiteX4" fmla="*/ 837547 w 12320834"/>
              <a:gd name="connsiteY4" fmla="*/ 3611513 h 5328218"/>
              <a:gd name="connsiteX5" fmla="*/ 2291731 w 12320834"/>
              <a:gd name="connsiteY5" fmla="*/ 3487704 h 5328218"/>
              <a:gd name="connsiteX6" fmla="*/ 3743637 w 12320834"/>
              <a:gd name="connsiteY6" fmla="*/ 3201169 h 5328218"/>
              <a:gd name="connsiteX7" fmla="*/ 5197656 w 12320834"/>
              <a:gd name="connsiteY7" fmla="*/ 2969138 h 5328218"/>
              <a:gd name="connsiteX8" fmla="*/ 6610191 w 12320834"/>
              <a:gd name="connsiteY8" fmla="*/ 2743875 h 5328218"/>
              <a:gd name="connsiteX9" fmla="*/ 8055374 w 12320834"/>
              <a:gd name="connsiteY9" fmla="*/ 2068827 h 5328218"/>
              <a:gd name="connsiteX10" fmla="*/ 9492725 w 12320834"/>
              <a:gd name="connsiteY10" fmla="*/ 893986 h 5328218"/>
              <a:gd name="connsiteX11" fmla="*/ 10922760 w 12320834"/>
              <a:gd name="connsiteY11" fmla="*/ 375593 h 5328218"/>
              <a:gd name="connsiteX12" fmla="*/ 12320834 w 12320834"/>
              <a:gd name="connsiteY12" fmla="*/ 0 h 5328218"/>
              <a:gd name="connsiteX0" fmla="*/ 12320834 w 12320834"/>
              <a:gd name="connsiteY0" fmla="*/ 0 h 5328218"/>
              <a:gd name="connsiteX1" fmla="*/ 12263906 w 12320834"/>
              <a:gd name="connsiteY1" fmla="*/ 5328218 h 5328218"/>
              <a:gd name="connsiteX2" fmla="*/ 5101 w 12320834"/>
              <a:gd name="connsiteY2" fmla="*/ 5302818 h 5328218"/>
              <a:gd name="connsiteX3" fmla="*/ 21 w 12320834"/>
              <a:gd name="connsiteY3" fmla="*/ 3677752 h 5328218"/>
              <a:gd name="connsiteX4" fmla="*/ 837547 w 12320834"/>
              <a:gd name="connsiteY4" fmla="*/ 3611513 h 5328218"/>
              <a:gd name="connsiteX5" fmla="*/ 2291731 w 12320834"/>
              <a:gd name="connsiteY5" fmla="*/ 3487704 h 5328218"/>
              <a:gd name="connsiteX6" fmla="*/ 3743637 w 12320834"/>
              <a:gd name="connsiteY6" fmla="*/ 3201169 h 5328218"/>
              <a:gd name="connsiteX7" fmla="*/ 5197656 w 12320834"/>
              <a:gd name="connsiteY7" fmla="*/ 2969138 h 5328218"/>
              <a:gd name="connsiteX8" fmla="*/ 6657816 w 12320834"/>
              <a:gd name="connsiteY8" fmla="*/ 2853413 h 5328218"/>
              <a:gd name="connsiteX9" fmla="*/ 8055374 w 12320834"/>
              <a:gd name="connsiteY9" fmla="*/ 2068827 h 5328218"/>
              <a:gd name="connsiteX10" fmla="*/ 9492725 w 12320834"/>
              <a:gd name="connsiteY10" fmla="*/ 893986 h 5328218"/>
              <a:gd name="connsiteX11" fmla="*/ 10922760 w 12320834"/>
              <a:gd name="connsiteY11" fmla="*/ 375593 h 5328218"/>
              <a:gd name="connsiteX12" fmla="*/ 12320834 w 12320834"/>
              <a:gd name="connsiteY12" fmla="*/ 0 h 5328218"/>
              <a:gd name="connsiteX0" fmla="*/ 12320834 w 12320834"/>
              <a:gd name="connsiteY0" fmla="*/ 0 h 5328218"/>
              <a:gd name="connsiteX1" fmla="*/ 12263906 w 12320834"/>
              <a:gd name="connsiteY1" fmla="*/ 5328218 h 5328218"/>
              <a:gd name="connsiteX2" fmla="*/ 5101 w 12320834"/>
              <a:gd name="connsiteY2" fmla="*/ 5302818 h 5328218"/>
              <a:gd name="connsiteX3" fmla="*/ 21 w 12320834"/>
              <a:gd name="connsiteY3" fmla="*/ 3677752 h 5328218"/>
              <a:gd name="connsiteX4" fmla="*/ 837547 w 12320834"/>
              <a:gd name="connsiteY4" fmla="*/ 3611513 h 5328218"/>
              <a:gd name="connsiteX5" fmla="*/ 2291731 w 12320834"/>
              <a:gd name="connsiteY5" fmla="*/ 3487704 h 5328218"/>
              <a:gd name="connsiteX6" fmla="*/ 3743637 w 12320834"/>
              <a:gd name="connsiteY6" fmla="*/ 3201169 h 5328218"/>
              <a:gd name="connsiteX7" fmla="*/ 5197656 w 12320834"/>
              <a:gd name="connsiteY7" fmla="*/ 2969138 h 5328218"/>
              <a:gd name="connsiteX8" fmla="*/ 6629241 w 12320834"/>
              <a:gd name="connsiteY8" fmla="*/ 2872463 h 5328218"/>
              <a:gd name="connsiteX9" fmla="*/ 8055374 w 12320834"/>
              <a:gd name="connsiteY9" fmla="*/ 2068827 h 5328218"/>
              <a:gd name="connsiteX10" fmla="*/ 9492725 w 12320834"/>
              <a:gd name="connsiteY10" fmla="*/ 893986 h 5328218"/>
              <a:gd name="connsiteX11" fmla="*/ 10922760 w 12320834"/>
              <a:gd name="connsiteY11" fmla="*/ 375593 h 5328218"/>
              <a:gd name="connsiteX12" fmla="*/ 12320834 w 12320834"/>
              <a:gd name="connsiteY12" fmla="*/ 0 h 5328218"/>
              <a:gd name="connsiteX0" fmla="*/ 12320834 w 12320834"/>
              <a:gd name="connsiteY0" fmla="*/ 0 h 5328218"/>
              <a:gd name="connsiteX1" fmla="*/ 12263906 w 12320834"/>
              <a:gd name="connsiteY1" fmla="*/ 5328218 h 5328218"/>
              <a:gd name="connsiteX2" fmla="*/ 5101 w 12320834"/>
              <a:gd name="connsiteY2" fmla="*/ 5302818 h 5328218"/>
              <a:gd name="connsiteX3" fmla="*/ 21 w 12320834"/>
              <a:gd name="connsiteY3" fmla="*/ 3677752 h 5328218"/>
              <a:gd name="connsiteX4" fmla="*/ 837547 w 12320834"/>
              <a:gd name="connsiteY4" fmla="*/ 3611513 h 5328218"/>
              <a:gd name="connsiteX5" fmla="*/ 2291731 w 12320834"/>
              <a:gd name="connsiteY5" fmla="*/ 3487704 h 5328218"/>
              <a:gd name="connsiteX6" fmla="*/ 3743637 w 12320834"/>
              <a:gd name="connsiteY6" fmla="*/ 3201169 h 5328218"/>
              <a:gd name="connsiteX7" fmla="*/ 5197656 w 12320834"/>
              <a:gd name="connsiteY7" fmla="*/ 2969138 h 5328218"/>
              <a:gd name="connsiteX8" fmla="*/ 6629241 w 12320834"/>
              <a:gd name="connsiteY8" fmla="*/ 2872463 h 5328218"/>
              <a:gd name="connsiteX9" fmla="*/ 8164912 w 12320834"/>
              <a:gd name="connsiteY9" fmla="*/ 2116452 h 5328218"/>
              <a:gd name="connsiteX10" fmla="*/ 9492725 w 12320834"/>
              <a:gd name="connsiteY10" fmla="*/ 893986 h 5328218"/>
              <a:gd name="connsiteX11" fmla="*/ 10922760 w 12320834"/>
              <a:gd name="connsiteY11" fmla="*/ 375593 h 5328218"/>
              <a:gd name="connsiteX12" fmla="*/ 12320834 w 12320834"/>
              <a:gd name="connsiteY12" fmla="*/ 0 h 5328218"/>
              <a:gd name="connsiteX0" fmla="*/ 12320834 w 12320834"/>
              <a:gd name="connsiteY0" fmla="*/ 0 h 5328218"/>
              <a:gd name="connsiteX1" fmla="*/ 12263906 w 12320834"/>
              <a:gd name="connsiteY1" fmla="*/ 5328218 h 5328218"/>
              <a:gd name="connsiteX2" fmla="*/ 5101 w 12320834"/>
              <a:gd name="connsiteY2" fmla="*/ 5302818 h 5328218"/>
              <a:gd name="connsiteX3" fmla="*/ 21 w 12320834"/>
              <a:gd name="connsiteY3" fmla="*/ 3677752 h 5328218"/>
              <a:gd name="connsiteX4" fmla="*/ 837547 w 12320834"/>
              <a:gd name="connsiteY4" fmla="*/ 3611513 h 5328218"/>
              <a:gd name="connsiteX5" fmla="*/ 2291731 w 12320834"/>
              <a:gd name="connsiteY5" fmla="*/ 3487704 h 5328218"/>
              <a:gd name="connsiteX6" fmla="*/ 3743637 w 12320834"/>
              <a:gd name="connsiteY6" fmla="*/ 3201169 h 5328218"/>
              <a:gd name="connsiteX7" fmla="*/ 5197656 w 12320834"/>
              <a:gd name="connsiteY7" fmla="*/ 2969138 h 5328218"/>
              <a:gd name="connsiteX8" fmla="*/ 6629241 w 12320834"/>
              <a:gd name="connsiteY8" fmla="*/ 2872463 h 5328218"/>
              <a:gd name="connsiteX9" fmla="*/ 8283975 w 12320834"/>
              <a:gd name="connsiteY9" fmla="*/ 2168840 h 5328218"/>
              <a:gd name="connsiteX10" fmla="*/ 9492725 w 12320834"/>
              <a:gd name="connsiteY10" fmla="*/ 893986 h 5328218"/>
              <a:gd name="connsiteX11" fmla="*/ 10922760 w 12320834"/>
              <a:gd name="connsiteY11" fmla="*/ 375593 h 5328218"/>
              <a:gd name="connsiteX12" fmla="*/ 12320834 w 12320834"/>
              <a:gd name="connsiteY12" fmla="*/ 0 h 5328218"/>
              <a:gd name="connsiteX0" fmla="*/ 12320834 w 12320834"/>
              <a:gd name="connsiteY0" fmla="*/ 0 h 5328218"/>
              <a:gd name="connsiteX1" fmla="*/ 12263906 w 12320834"/>
              <a:gd name="connsiteY1" fmla="*/ 5328218 h 5328218"/>
              <a:gd name="connsiteX2" fmla="*/ 5101 w 12320834"/>
              <a:gd name="connsiteY2" fmla="*/ 5302818 h 5328218"/>
              <a:gd name="connsiteX3" fmla="*/ 21 w 12320834"/>
              <a:gd name="connsiteY3" fmla="*/ 3677752 h 5328218"/>
              <a:gd name="connsiteX4" fmla="*/ 837547 w 12320834"/>
              <a:gd name="connsiteY4" fmla="*/ 3611513 h 5328218"/>
              <a:gd name="connsiteX5" fmla="*/ 2291731 w 12320834"/>
              <a:gd name="connsiteY5" fmla="*/ 3487704 h 5328218"/>
              <a:gd name="connsiteX6" fmla="*/ 3743637 w 12320834"/>
              <a:gd name="connsiteY6" fmla="*/ 3201169 h 5328218"/>
              <a:gd name="connsiteX7" fmla="*/ 5197656 w 12320834"/>
              <a:gd name="connsiteY7" fmla="*/ 2969138 h 5328218"/>
              <a:gd name="connsiteX8" fmla="*/ 6629241 w 12320834"/>
              <a:gd name="connsiteY8" fmla="*/ 2872463 h 5328218"/>
              <a:gd name="connsiteX9" fmla="*/ 8383988 w 12320834"/>
              <a:gd name="connsiteY9" fmla="*/ 2283140 h 5328218"/>
              <a:gd name="connsiteX10" fmla="*/ 9492725 w 12320834"/>
              <a:gd name="connsiteY10" fmla="*/ 893986 h 5328218"/>
              <a:gd name="connsiteX11" fmla="*/ 10922760 w 12320834"/>
              <a:gd name="connsiteY11" fmla="*/ 375593 h 5328218"/>
              <a:gd name="connsiteX12" fmla="*/ 12320834 w 12320834"/>
              <a:gd name="connsiteY12" fmla="*/ 0 h 5328218"/>
              <a:gd name="connsiteX0" fmla="*/ 12320834 w 12320834"/>
              <a:gd name="connsiteY0" fmla="*/ 0 h 5328218"/>
              <a:gd name="connsiteX1" fmla="*/ 12263906 w 12320834"/>
              <a:gd name="connsiteY1" fmla="*/ 5328218 h 5328218"/>
              <a:gd name="connsiteX2" fmla="*/ 5101 w 12320834"/>
              <a:gd name="connsiteY2" fmla="*/ 5302818 h 5328218"/>
              <a:gd name="connsiteX3" fmla="*/ 21 w 12320834"/>
              <a:gd name="connsiteY3" fmla="*/ 3677752 h 5328218"/>
              <a:gd name="connsiteX4" fmla="*/ 837547 w 12320834"/>
              <a:gd name="connsiteY4" fmla="*/ 3611513 h 5328218"/>
              <a:gd name="connsiteX5" fmla="*/ 2291731 w 12320834"/>
              <a:gd name="connsiteY5" fmla="*/ 3487704 h 5328218"/>
              <a:gd name="connsiteX6" fmla="*/ 3743637 w 12320834"/>
              <a:gd name="connsiteY6" fmla="*/ 3201169 h 5328218"/>
              <a:gd name="connsiteX7" fmla="*/ 5197656 w 12320834"/>
              <a:gd name="connsiteY7" fmla="*/ 2969138 h 5328218"/>
              <a:gd name="connsiteX8" fmla="*/ 6629241 w 12320834"/>
              <a:gd name="connsiteY8" fmla="*/ 2872463 h 5328218"/>
              <a:gd name="connsiteX9" fmla="*/ 8083951 w 12320834"/>
              <a:gd name="connsiteY9" fmla="*/ 2340290 h 5328218"/>
              <a:gd name="connsiteX10" fmla="*/ 9492725 w 12320834"/>
              <a:gd name="connsiteY10" fmla="*/ 893986 h 5328218"/>
              <a:gd name="connsiteX11" fmla="*/ 10922760 w 12320834"/>
              <a:gd name="connsiteY11" fmla="*/ 375593 h 5328218"/>
              <a:gd name="connsiteX12" fmla="*/ 12320834 w 12320834"/>
              <a:gd name="connsiteY12" fmla="*/ 0 h 5328218"/>
              <a:gd name="connsiteX0" fmla="*/ 12320834 w 12320834"/>
              <a:gd name="connsiteY0" fmla="*/ 0 h 5328218"/>
              <a:gd name="connsiteX1" fmla="*/ 12263906 w 12320834"/>
              <a:gd name="connsiteY1" fmla="*/ 5328218 h 5328218"/>
              <a:gd name="connsiteX2" fmla="*/ 5101 w 12320834"/>
              <a:gd name="connsiteY2" fmla="*/ 5302818 h 5328218"/>
              <a:gd name="connsiteX3" fmla="*/ 21 w 12320834"/>
              <a:gd name="connsiteY3" fmla="*/ 3677752 h 5328218"/>
              <a:gd name="connsiteX4" fmla="*/ 837547 w 12320834"/>
              <a:gd name="connsiteY4" fmla="*/ 3611513 h 5328218"/>
              <a:gd name="connsiteX5" fmla="*/ 2291731 w 12320834"/>
              <a:gd name="connsiteY5" fmla="*/ 3487704 h 5328218"/>
              <a:gd name="connsiteX6" fmla="*/ 3743637 w 12320834"/>
              <a:gd name="connsiteY6" fmla="*/ 3201169 h 5328218"/>
              <a:gd name="connsiteX7" fmla="*/ 5197656 w 12320834"/>
              <a:gd name="connsiteY7" fmla="*/ 2969138 h 5328218"/>
              <a:gd name="connsiteX8" fmla="*/ 6629241 w 12320834"/>
              <a:gd name="connsiteY8" fmla="*/ 2872463 h 5328218"/>
              <a:gd name="connsiteX9" fmla="*/ 8083951 w 12320834"/>
              <a:gd name="connsiteY9" fmla="*/ 2340290 h 5328218"/>
              <a:gd name="connsiteX10" fmla="*/ 9492725 w 12320834"/>
              <a:gd name="connsiteY10" fmla="*/ 893986 h 5328218"/>
              <a:gd name="connsiteX11" fmla="*/ 10922760 w 12320834"/>
              <a:gd name="connsiteY11" fmla="*/ 375593 h 5328218"/>
              <a:gd name="connsiteX12" fmla="*/ 12320834 w 12320834"/>
              <a:gd name="connsiteY12" fmla="*/ 0 h 5328218"/>
              <a:gd name="connsiteX0" fmla="*/ 12320834 w 12320834"/>
              <a:gd name="connsiteY0" fmla="*/ 0 h 5328218"/>
              <a:gd name="connsiteX1" fmla="*/ 12263906 w 12320834"/>
              <a:gd name="connsiteY1" fmla="*/ 5328218 h 5328218"/>
              <a:gd name="connsiteX2" fmla="*/ 5101 w 12320834"/>
              <a:gd name="connsiteY2" fmla="*/ 5302818 h 5328218"/>
              <a:gd name="connsiteX3" fmla="*/ 21 w 12320834"/>
              <a:gd name="connsiteY3" fmla="*/ 3677752 h 5328218"/>
              <a:gd name="connsiteX4" fmla="*/ 837547 w 12320834"/>
              <a:gd name="connsiteY4" fmla="*/ 3611513 h 5328218"/>
              <a:gd name="connsiteX5" fmla="*/ 2291731 w 12320834"/>
              <a:gd name="connsiteY5" fmla="*/ 3487704 h 5328218"/>
              <a:gd name="connsiteX6" fmla="*/ 3743637 w 12320834"/>
              <a:gd name="connsiteY6" fmla="*/ 3201169 h 5328218"/>
              <a:gd name="connsiteX7" fmla="*/ 5197656 w 12320834"/>
              <a:gd name="connsiteY7" fmla="*/ 2969138 h 5328218"/>
              <a:gd name="connsiteX8" fmla="*/ 6629241 w 12320834"/>
              <a:gd name="connsiteY8" fmla="*/ 2872463 h 5328218"/>
              <a:gd name="connsiteX9" fmla="*/ 8083951 w 12320834"/>
              <a:gd name="connsiteY9" fmla="*/ 2340290 h 5328218"/>
              <a:gd name="connsiteX10" fmla="*/ 9962625 w 12320834"/>
              <a:gd name="connsiteY10" fmla="*/ 1484536 h 5328218"/>
              <a:gd name="connsiteX11" fmla="*/ 10922760 w 12320834"/>
              <a:gd name="connsiteY11" fmla="*/ 375593 h 5328218"/>
              <a:gd name="connsiteX12" fmla="*/ 12320834 w 12320834"/>
              <a:gd name="connsiteY12" fmla="*/ 0 h 5328218"/>
              <a:gd name="connsiteX0" fmla="*/ 12320834 w 12320834"/>
              <a:gd name="connsiteY0" fmla="*/ 0 h 5328218"/>
              <a:gd name="connsiteX1" fmla="*/ 12263906 w 12320834"/>
              <a:gd name="connsiteY1" fmla="*/ 5328218 h 5328218"/>
              <a:gd name="connsiteX2" fmla="*/ 5101 w 12320834"/>
              <a:gd name="connsiteY2" fmla="*/ 5302818 h 5328218"/>
              <a:gd name="connsiteX3" fmla="*/ 21 w 12320834"/>
              <a:gd name="connsiteY3" fmla="*/ 3677752 h 5328218"/>
              <a:gd name="connsiteX4" fmla="*/ 837547 w 12320834"/>
              <a:gd name="connsiteY4" fmla="*/ 3611513 h 5328218"/>
              <a:gd name="connsiteX5" fmla="*/ 2291731 w 12320834"/>
              <a:gd name="connsiteY5" fmla="*/ 3487704 h 5328218"/>
              <a:gd name="connsiteX6" fmla="*/ 3743637 w 12320834"/>
              <a:gd name="connsiteY6" fmla="*/ 3201169 h 5328218"/>
              <a:gd name="connsiteX7" fmla="*/ 5197656 w 12320834"/>
              <a:gd name="connsiteY7" fmla="*/ 2969138 h 5328218"/>
              <a:gd name="connsiteX8" fmla="*/ 6629241 w 12320834"/>
              <a:gd name="connsiteY8" fmla="*/ 2872463 h 5328218"/>
              <a:gd name="connsiteX9" fmla="*/ 8083951 w 12320834"/>
              <a:gd name="connsiteY9" fmla="*/ 2340290 h 5328218"/>
              <a:gd name="connsiteX10" fmla="*/ 9511775 w 12320834"/>
              <a:gd name="connsiteY10" fmla="*/ 1490886 h 5328218"/>
              <a:gd name="connsiteX11" fmla="*/ 10922760 w 12320834"/>
              <a:gd name="connsiteY11" fmla="*/ 375593 h 5328218"/>
              <a:gd name="connsiteX12" fmla="*/ 12320834 w 12320834"/>
              <a:gd name="connsiteY12" fmla="*/ 0 h 5328218"/>
              <a:gd name="connsiteX0" fmla="*/ 12276384 w 12276384"/>
              <a:gd name="connsiteY0" fmla="*/ 0 h 6083868"/>
              <a:gd name="connsiteX1" fmla="*/ 12263906 w 12276384"/>
              <a:gd name="connsiteY1" fmla="*/ 6083868 h 6083868"/>
              <a:gd name="connsiteX2" fmla="*/ 5101 w 12276384"/>
              <a:gd name="connsiteY2" fmla="*/ 6058468 h 6083868"/>
              <a:gd name="connsiteX3" fmla="*/ 21 w 12276384"/>
              <a:gd name="connsiteY3" fmla="*/ 4433402 h 6083868"/>
              <a:gd name="connsiteX4" fmla="*/ 837547 w 12276384"/>
              <a:gd name="connsiteY4" fmla="*/ 4367163 h 6083868"/>
              <a:gd name="connsiteX5" fmla="*/ 2291731 w 12276384"/>
              <a:gd name="connsiteY5" fmla="*/ 4243354 h 6083868"/>
              <a:gd name="connsiteX6" fmla="*/ 3743637 w 12276384"/>
              <a:gd name="connsiteY6" fmla="*/ 3956819 h 6083868"/>
              <a:gd name="connsiteX7" fmla="*/ 5197656 w 12276384"/>
              <a:gd name="connsiteY7" fmla="*/ 3724788 h 6083868"/>
              <a:gd name="connsiteX8" fmla="*/ 6629241 w 12276384"/>
              <a:gd name="connsiteY8" fmla="*/ 3628113 h 6083868"/>
              <a:gd name="connsiteX9" fmla="*/ 8083951 w 12276384"/>
              <a:gd name="connsiteY9" fmla="*/ 3095940 h 6083868"/>
              <a:gd name="connsiteX10" fmla="*/ 9511775 w 12276384"/>
              <a:gd name="connsiteY10" fmla="*/ 2246536 h 6083868"/>
              <a:gd name="connsiteX11" fmla="*/ 10922760 w 12276384"/>
              <a:gd name="connsiteY11" fmla="*/ 1131243 h 6083868"/>
              <a:gd name="connsiteX12" fmla="*/ 12276384 w 12276384"/>
              <a:gd name="connsiteY12" fmla="*/ 0 h 6083868"/>
              <a:gd name="connsiteX0" fmla="*/ 12276384 w 12276384"/>
              <a:gd name="connsiteY0" fmla="*/ 0 h 6083868"/>
              <a:gd name="connsiteX1" fmla="*/ 12263906 w 12276384"/>
              <a:gd name="connsiteY1" fmla="*/ 6083868 h 6083868"/>
              <a:gd name="connsiteX2" fmla="*/ 5101 w 12276384"/>
              <a:gd name="connsiteY2" fmla="*/ 6058468 h 6083868"/>
              <a:gd name="connsiteX3" fmla="*/ 21 w 12276384"/>
              <a:gd name="connsiteY3" fmla="*/ 4433402 h 6083868"/>
              <a:gd name="connsiteX4" fmla="*/ 837547 w 12276384"/>
              <a:gd name="connsiteY4" fmla="*/ 4367163 h 6083868"/>
              <a:gd name="connsiteX5" fmla="*/ 2291731 w 12276384"/>
              <a:gd name="connsiteY5" fmla="*/ 4243354 h 6083868"/>
              <a:gd name="connsiteX6" fmla="*/ 3743637 w 12276384"/>
              <a:gd name="connsiteY6" fmla="*/ 3956819 h 6083868"/>
              <a:gd name="connsiteX7" fmla="*/ 5197656 w 12276384"/>
              <a:gd name="connsiteY7" fmla="*/ 3724788 h 6083868"/>
              <a:gd name="connsiteX8" fmla="*/ 6629241 w 12276384"/>
              <a:gd name="connsiteY8" fmla="*/ 3628113 h 6083868"/>
              <a:gd name="connsiteX9" fmla="*/ 8083951 w 12276384"/>
              <a:gd name="connsiteY9" fmla="*/ 3095940 h 6083868"/>
              <a:gd name="connsiteX10" fmla="*/ 9511775 w 12276384"/>
              <a:gd name="connsiteY10" fmla="*/ 2246536 h 6083868"/>
              <a:gd name="connsiteX11" fmla="*/ 10922760 w 12276384"/>
              <a:gd name="connsiteY11" fmla="*/ 1131243 h 6083868"/>
              <a:gd name="connsiteX12" fmla="*/ 12276384 w 12276384"/>
              <a:gd name="connsiteY12" fmla="*/ 0 h 6083868"/>
              <a:gd name="connsiteX0" fmla="*/ 12276384 w 12276384"/>
              <a:gd name="connsiteY0" fmla="*/ 0 h 6083868"/>
              <a:gd name="connsiteX1" fmla="*/ 12263906 w 12276384"/>
              <a:gd name="connsiteY1" fmla="*/ 6083868 h 6083868"/>
              <a:gd name="connsiteX2" fmla="*/ 5101 w 12276384"/>
              <a:gd name="connsiteY2" fmla="*/ 6058468 h 6083868"/>
              <a:gd name="connsiteX3" fmla="*/ 21 w 12276384"/>
              <a:gd name="connsiteY3" fmla="*/ 4433402 h 6083868"/>
              <a:gd name="connsiteX4" fmla="*/ 837547 w 12276384"/>
              <a:gd name="connsiteY4" fmla="*/ 4367163 h 6083868"/>
              <a:gd name="connsiteX5" fmla="*/ 2291731 w 12276384"/>
              <a:gd name="connsiteY5" fmla="*/ 4243354 h 6083868"/>
              <a:gd name="connsiteX6" fmla="*/ 3743637 w 12276384"/>
              <a:gd name="connsiteY6" fmla="*/ 3956819 h 6083868"/>
              <a:gd name="connsiteX7" fmla="*/ 5197656 w 12276384"/>
              <a:gd name="connsiteY7" fmla="*/ 3724788 h 6083868"/>
              <a:gd name="connsiteX8" fmla="*/ 6629241 w 12276384"/>
              <a:gd name="connsiteY8" fmla="*/ 3628113 h 6083868"/>
              <a:gd name="connsiteX9" fmla="*/ 8083951 w 12276384"/>
              <a:gd name="connsiteY9" fmla="*/ 3095940 h 6083868"/>
              <a:gd name="connsiteX10" fmla="*/ 9511775 w 12276384"/>
              <a:gd name="connsiteY10" fmla="*/ 2246536 h 6083868"/>
              <a:gd name="connsiteX11" fmla="*/ 10922760 w 12276384"/>
              <a:gd name="connsiteY11" fmla="*/ 1131243 h 6083868"/>
              <a:gd name="connsiteX12" fmla="*/ 12276384 w 12276384"/>
              <a:gd name="connsiteY12" fmla="*/ 0 h 6083868"/>
              <a:gd name="connsiteX0" fmla="*/ 12276384 w 12276384"/>
              <a:gd name="connsiteY0" fmla="*/ 0 h 6083868"/>
              <a:gd name="connsiteX1" fmla="*/ 12263906 w 12276384"/>
              <a:gd name="connsiteY1" fmla="*/ 6083868 h 6083868"/>
              <a:gd name="connsiteX2" fmla="*/ 5101 w 12276384"/>
              <a:gd name="connsiteY2" fmla="*/ 6058468 h 6083868"/>
              <a:gd name="connsiteX3" fmla="*/ 21 w 12276384"/>
              <a:gd name="connsiteY3" fmla="*/ 4433402 h 6083868"/>
              <a:gd name="connsiteX4" fmla="*/ 837547 w 12276384"/>
              <a:gd name="connsiteY4" fmla="*/ 4367163 h 6083868"/>
              <a:gd name="connsiteX5" fmla="*/ 2291731 w 12276384"/>
              <a:gd name="connsiteY5" fmla="*/ 4243354 h 6083868"/>
              <a:gd name="connsiteX6" fmla="*/ 3743637 w 12276384"/>
              <a:gd name="connsiteY6" fmla="*/ 3956819 h 6083868"/>
              <a:gd name="connsiteX7" fmla="*/ 5197656 w 12276384"/>
              <a:gd name="connsiteY7" fmla="*/ 3724788 h 6083868"/>
              <a:gd name="connsiteX8" fmla="*/ 6629241 w 12276384"/>
              <a:gd name="connsiteY8" fmla="*/ 3628113 h 6083868"/>
              <a:gd name="connsiteX9" fmla="*/ 8083951 w 12276384"/>
              <a:gd name="connsiteY9" fmla="*/ 3095940 h 6083868"/>
              <a:gd name="connsiteX10" fmla="*/ 9511775 w 12276384"/>
              <a:gd name="connsiteY10" fmla="*/ 2246536 h 6083868"/>
              <a:gd name="connsiteX11" fmla="*/ 10948160 w 12276384"/>
              <a:gd name="connsiteY11" fmla="*/ 1093143 h 6083868"/>
              <a:gd name="connsiteX12" fmla="*/ 12276384 w 12276384"/>
              <a:gd name="connsiteY12" fmla="*/ 0 h 6083868"/>
              <a:gd name="connsiteX0" fmla="*/ 12276384 w 12276384"/>
              <a:gd name="connsiteY0" fmla="*/ 0 h 6083868"/>
              <a:gd name="connsiteX1" fmla="*/ 12263906 w 12276384"/>
              <a:gd name="connsiteY1" fmla="*/ 6083868 h 6083868"/>
              <a:gd name="connsiteX2" fmla="*/ 5101 w 12276384"/>
              <a:gd name="connsiteY2" fmla="*/ 6058468 h 6083868"/>
              <a:gd name="connsiteX3" fmla="*/ 21 w 12276384"/>
              <a:gd name="connsiteY3" fmla="*/ 4433402 h 6083868"/>
              <a:gd name="connsiteX4" fmla="*/ 837547 w 12276384"/>
              <a:gd name="connsiteY4" fmla="*/ 4367163 h 6083868"/>
              <a:gd name="connsiteX5" fmla="*/ 2291731 w 12276384"/>
              <a:gd name="connsiteY5" fmla="*/ 4243354 h 6083868"/>
              <a:gd name="connsiteX6" fmla="*/ 3743637 w 12276384"/>
              <a:gd name="connsiteY6" fmla="*/ 3956819 h 6083868"/>
              <a:gd name="connsiteX7" fmla="*/ 5197656 w 12276384"/>
              <a:gd name="connsiteY7" fmla="*/ 3724788 h 6083868"/>
              <a:gd name="connsiteX8" fmla="*/ 6629241 w 12276384"/>
              <a:gd name="connsiteY8" fmla="*/ 3628113 h 6083868"/>
              <a:gd name="connsiteX9" fmla="*/ 8083951 w 12276384"/>
              <a:gd name="connsiteY9" fmla="*/ 3095940 h 6083868"/>
              <a:gd name="connsiteX10" fmla="*/ 9511775 w 12276384"/>
              <a:gd name="connsiteY10" fmla="*/ 2246536 h 6083868"/>
              <a:gd name="connsiteX11" fmla="*/ 10948160 w 12276384"/>
              <a:gd name="connsiteY11" fmla="*/ 1093143 h 6083868"/>
              <a:gd name="connsiteX12" fmla="*/ 12276384 w 12276384"/>
              <a:gd name="connsiteY12" fmla="*/ 0 h 6083868"/>
              <a:gd name="connsiteX0" fmla="*/ 12276384 w 12276384"/>
              <a:gd name="connsiteY0" fmla="*/ 0 h 6083868"/>
              <a:gd name="connsiteX1" fmla="*/ 12263906 w 12276384"/>
              <a:gd name="connsiteY1" fmla="*/ 6083868 h 6083868"/>
              <a:gd name="connsiteX2" fmla="*/ 5101 w 12276384"/>
              <a:gd name="connsiteY2" fmla="*/ 6058468 h 6083868"/>
              <a:gd name="connsiteX3" fmla="*/ 21 w 12276384"/>
              <a:gd name="connsiteY3" fmla="*/ 4433402 h 6083868"/>
              <a:gd name="connsiteX4" fmla="*/ 837547 w 12276384"/>
              <a:gd name="connsiteY4" fmla="*/ 4367163 h 6083868"/>
              <a:gd name="connsiteX5" fmla="*/ 2291731 w 12276384"/>
              <a:gd name="connsiteY5" fmla="*/ 4243354 h 6083868"/>
              <a:gd name="connsiteX6" fmla="*/ 3743637 w 12276384"/>
              <a:gd name="connsiteY6" fmla="*/ 3956819 h 6083868"/>
              <a:gd name="connsiteX7" fmla="*/ 5197656 w 12276384"/>
              <a:gd name="connsiteY7" fmla="*/ 3724788 h 6083868"/>
              <a:gd name="connsiteX8" fmla="*/ 6629241 w 12276384"/>
              <a:gd name="connsiteY8" fmla="*/ 3628113 h 6083868"/>
              <a:gd name="connsiteX9" fmla="*/ 8083951 w 12276384"/>
              <a:gd name="connsiteY9" fmla="*/ 3095940 h 6083868"/>
              <a:gd name="connsiteX10" fmla="*/ 9795111 w 12276384"/>
              <a:gd name="connsiteY10" fmla="*/ 1795776 h 6083868"/>
              <a:gd name="connsiteX11" fmla="*/ 10948160 w 12276384"/>
              <a:gd name="connsiteY11" fmla="*/ 1093143 h 6083868"/>
              <a:gd name="connsiteX12" fmla="*/ 12276384 w 12276384"/>
              <a:gd name="connsiteY12" fmla="*/ 0 h 6083868"/>
              <a:gd name="connsiteX0" fmla="*/ 12276384 w 12276384"/>
              <a:gd name="connsiteY0" fmla="*/ 0 h 6083868"/>
              <a:gd name="connsiteX1" fmla="*/ 12263906 w 12276384"/>
              <a:gd name="connsiteY1" fmla="*/ 6083868 h 6083868"/>
              <a:gd name="connsiteX2" fmla="*/ 5101 w 12276384"/>
              <a:gd name="connsiteY2" fmla="*/ 6058468 h 6083868"/>
              <a:gd name="connsiteX3" fmla="*/ 21 w 12276384"/>
              <a:gd name="connsiteY3" fmla="*/ 4433402 h 6083868"/>
              <a:gd name="connsiteX4" fmla="*/ 837547 w 12276384"/>
              <a:gd name="connsiteY4" fmla="*/ 4367163 h 6083868"/>
              <a:gd name="connsiteX5" fmla="*/ 2291731 w 12276384"/>
              <a:gd name="connsiteY5" fmla="*/ 4243354 h 6083868"/>
              <a:gd name="connsiteX6" fmla="*/ 3743637 w 12276384"/>
              <a:gd name="connsiteY6" fmla="*/ 3956819 h 6083868"/>
              <a:gd name="connsiteX7" fmla="*/ 5197656 w 12276384"/>
              <a:gd name="connsiteY7" fmla="*/ 3724788 h 6083868"/>
              <a:gd name="connsiteX8" fmla="*/ 6629241 w 12276384"/>
              <a:gd name="connsiteY8" fmla="*/ 3628113 h 6083868"/>
              <a:gd name="connsiteX9" fmla="*/ 8502515 w 12276384"/>
              <a:gd name="connsiteY9" fmla="*/ 2696695 h 6083868"/>
              <a:gd name="connsiteX10" fmla="*/ 9795111 w 12276384"/>
              <a:gd name="connsiteY10" fmla="*/ 1795776 h 6083868"/>
              <a:gd name="connsiteX11" fmla="*/ 10948160 w 12276384"/>
              <a:gd name="connsiteY11" fmla="*/ 1093143 h 6083868"/>
              <a:gd name="connsiteX12" fmla="*/ 12276384 w 12276384"/>
              <a:gd name="connsiteY12" fmla="*/ 0 h 6083868"/>
              <a:gd name="connsiteX0" fmla="*/ 12276384 w 12276384"/>
              <a:gd name="connsiteY0" fmla="*/ 0 h 6083868"/>
              <a:gd name="connsiteX1" fmla="*/ 12263906 w 12276384"/>
              <a:gd name="connsiteY1" fmla="*/ 6083868 h 6083868"/>
              <a:gd name="connsiteX2" fmla="*/ 5101 w 12276384"/>
              <a:gd name="connsiteY2" fmla="*/ 6058468 h 6083868"/>
              <a:gd name="connsiteX3" fmla="*/ 21 w 12276384"/>
              <a:gd name="connsiteY3" fmla="*/ 4433402 h 6083868"/>
              <a:gd name="connsiteX4" fmla="*/ 837547 w 12276384"/>
              <a:gd name="connsiteY4" fmla="*/ 4367163 h 6083868"/>
              <a:gd name="connsiteX5" fmla="*/ 2291731 w 12276384"/>
              <a:gd name="connsiteY5" fmla="*/ 4243354 h 6083868"/>
              <a:gd name="connsiteX6" fmla="*/ 3743637 w 12276384"/>
              <a:gd name="connsiteY6" fmla="*/ 3956819 h 6083868"/>
              <a:gd name="connsiteX7" fmla="*/ 5197656 w 12276384"/>
              <a:gd name="connsiteY7" fmla="*/ 3724788 h 6083868"/>
              <a:gd name="connsiteX8" fmla="*/ 6629241 w 12276384"/>
              <a:gd name="connsiteY8" fmla="*/ 3628113 h 6083868"/>
              <a:gd name="connsiteX9" fmla="*/ 8502515 w 12276384"/>
              <a:gd name="connsiteY9" fmla="*/ 2696695 h 6083868"/>
              <a:gd name="connsiteX10" fmla="*/ 9795111 w 12276384"/>
              <a:gd name="connsiteY10" fmla="*/ 1795776 h 6083868"/>
              <a:gd name="connsiteX11" fmla="*/ 10948160 w 12276384"/>
              <a:gd name="connsiteY11" fmla="*/ 1093143 h 6083868"/>
              <a:gd name="connsiteX12" fmla="*/ 12276384 w 12276384"/>
              <a:gd name="connsiteY12" fmla="*/ 0 h 6083868"/>
              <a:gd name="connsiteX0" fmla="*/ 12276384 w 12276384"/>
              <a:gd name="connsiteY0" fmla="*/ 0 h 6083868"/>
              <a:gd name="connsiteX1" fmla="*/ 12263906 w 12276384"/>
              <a:gd name="connsiteY1" fmla="*/ 6083868 h 6083868"/>
              <a:gd name="connsiteX2" fmla="*/ 5101 w 12276384"/>
              <a:gd name="connsiteY2" fmla="*/ 6058468 h 6083868"/>
              <a:gd name="connsiteX3" fmla="*/ 21 w 12276384"/>
              <a:gd name="connsiteY3" fmla="*/ 4433402 h 6083868"/>
              <a:gd name="connsiteX4" fmla="*/ 837547 w 12276384"/>
              <a:gd name="connsiteY4" fmla="*/ 4367163 h 6083868"/>
              <a:gd name="connsiteX5" fmla="*/ 2291731 w 12276384"/>
              <a:gd name="connsiteY5" fmla="*/ 4243354 h 6083868"/>
              <a:gd name="connsiteX6" fmla="*/ 3743637 w 12276384"/>
              <a:gd name="connsiteY6" fmla="*/ 3956819 h 6083868"/>
              <a:gd name="connsiteX7" fmla="*/ 5197656 w 12276384"/>
              <a:gd name="connsiteY7" fmla="*/ 3724788 h 6083868"/>
              <a:gd name="connsiteX8" fmla="*/ 6629241 w 12276384"/>
              <a:gd name="connsiteY8" fmla="*/ 3628113 h 6083868"/>
              <a:gd name="connsiteX9" fmla="*/ 8502515 w 12276384"/>
              <a:gd name="connsiteY9" fmla="*/ 2696695 h 6083868"/>
              <a:gd name="connsiteX10" fmla="*/ 9795111 w 12276384"/>
              <a:gd name="connsiteY10" fmla="*/ 1795776 h 6083868"/>
              <a:gd name="connsiteX11" fmla="*/ 10948160 w 12276384"/>
              <a:gd name="connsiteY11" fmla="*/ 1093143 h 6083868"/>
              <a:gd name="connsiteX12" fmla="*/ 12276384 w 12276384"/>
              <a:gd name="connsiteY12" fmla="*/ 0 h 6083868"/>
              <a:gd name="connsiteX0" fmla="*/ 12276384 w 12276384"/>
              <a:gd name="connsiteY0" fmla="*/ 0 h 6083868"/>
              <a:gd name="connsiteX1" fmla="*/ 12263906 w 12276384"/>
              <a:gd name="connsiteY1" fmla="*/ 6083868 h 6083868"/>
              <a:gd name="connsiteX2" fmla="*/ 5101 w 12276384"/>
              <a:gd name="connsiteY2" fmla="*/ 6058468 h 6083868"/>
              <a:gd name="connsiteX3" fmla="*/ 21 w 12276384"/>
              <a:gd name="connsiteY3" fmla="*/ 4433402 h 6083868"/>
              <a:gd name="connsiteX4" fmla="*/ 837547 w 12276384"/>
              <a:gd name="connsiteY4" fmla="*/ 4367163 h 6083868"/>
              <a:gd name="connsiteX5" fmla="*/ 2291731 w 12276384"/>
              <a:gd name="connsiteY5" fmla="*/ 4243354 h 6083868"/>
              <a:gd name="connsiteX6" fmla="*/ 3743637 w 12276384"/>
              <a:gd name="connsiteY6" fmla="*/ 3956819 h 6083868"/>
              <a:gd name="connsiteX7" fmla="*/ 5197656 w 12276384"/>
              <a:gd name="connsiteY7" fmla="*/ 3724788 h 6083868"/>
              <a:gd name="connsiteX8" fmla="*/ 6629241 w 12276384"/>
              <a:gd name="connsiteY8" fmla="*/ 3628113 h 6083868"/>
              <a:gd name="connsiteX9" fmla="*/ 8502515 w 12276384"/>
              <a:gd name="connsiteY9" fmla="*/ 2696695 h 6083868"/>
              <a:gd name="connsiteX10" fmla="*/ 9795111 w 12276384"/>
              <a:gd name="connsiteY10" fmla="*/ 1795776 h 6083868"/>
              <a:gd name="connsiteX11" fmla="*/ 11051191 w 12276384"/>
              <a:gd name="connsiteY11" fmla="*/ 1176856 h 6083868"/>
              <a:gd name="connsiteX12" fmla="*/ 12276384 w 12276384"/>
              <a:gd name="connsiteY12" fmla="*/ 0 h 6083868"/>
              <a:gd name="connsiteX0" fmla="*/ 12276384 w 12276384"/>
              <a:gd name="connsiteY0" fmla="*/ 0 h 6083868"/>
              <a:gd name="connsiteX1" fmla="*/ 12263906 w 12276384"/>
              <a:gd name="connsiteY1" fmla="*/ 6083868 h 6083868"/>
              <a:gd name="connsiteX2" fmla="*/ 5101 w 12276384"/>
              <a:gd name="connsiteY2" fmla="*/ 6058468 h 6083868"/>
              <a:gd name="connsiteX3" fmla="*/ 21 w 12276384"/>
              <a:gd name="connsiteY3" fmla="*/ 4433402 h 6083868"/>
              <a:gd name="connsiteX4" fmla="*/ 837547 w 12276384"/>
              <a:gd name="connsiteY4" fmla="*/ 4367163 h 6083868"/>
              <a:gd name="connsiteX5" fmla="*/ 2291731 w 12276384"/>
              <a:gd name="connsiteY5" fmla="*/ 4243354 h 6083868"/>
              <a:gd name="connsiteX6" fmla="*/ 3743637 w 12276384"/>
              <a:gd name="connsiteY6" fmla="*/ 3956819 h 6083868"/>
              <a:gd name="connsiteX7" fmla="*/ 5197656 w 12276384"/>
              <a:gd name="connsiteY7" fmla="*/ 3724788 h 6083868"/>
              <a:gd name="connsiteX8" fmla="*/ 6629241 w 12276384"/>
              <a:gd name="connsiteY8" fmla="*/ 3628113 h 6083868"/>
              <a:gd name="connsiteX9" fmla="*/ 8502515 w 12276384"/>
              <a:gd name="connsiteY9" fmla="*/ 2696695 h 6083868"/>
              <a:gd name="connsiteX10" fmla="*/ 9795111 w 12276384"/>
              <a:gd name="connsiteY10" fmla="*/ 1795776 h 6083868"/>
              <a:gd name="connsiteX11" fmla="*/ 11122025 w 12276384"/>
              <a:gd name="connsiteY11" fmla="*/ 1067386 h 6083868"/>
              <a:gd name="connsiteX12" fmla="*/ 12276384 w 12276384"/>
              <a:gd name="connsiteY12" fmla="*/ 0 h 6083868"/>
              <a:gd name="connsiteX0" fmla="*/ 12276384 w 12276384"/>
              <a:gd name="connsiteY0" fmla="*/ 0 h 6083868"/>
              <a:gd name="connsiteX1" fmla="*/ 12263906 w 12276384"/>
              <a:gd name="connsiteY1" fmla="*/ 6083868 h 6083868"/>
              <a:gd name="connsiteX2" fmla="*/ 5101 w 12276384"/>
              <a:gd name="connsiteY2" fmla="*/ 6058468 h 6083868"/>
              <a:gd name="connsiteX3" fmla="*/ 21 w 12276384"/>
              <a:gd name="connsiteY3" fmla="*/ 4433402 h 6083868"/>
              <a:gd name="connsiteX4" fmla="*/ 837547 w 12276384"/>
              <a:gd name="connsiteY4" fmla="*/ 4367163 h 6083868"/>
              <a:gd name="connsiteX5" fmla="*/ 2291731 w 12276384"/>
              <a:gd name="connsiteY5" fmla="*/ 4243354 h 6083868"/>
              <a:gd name="connsiteX6" fmla="*/ 3743637 w 12276384"/>
              <a:gd name="connsiteY6" fmla="*/ 3956819 h 6083868"/>
              <a:gd name="connsiteX7" fmla="*/ 5197656 w 12276384"/>
              <a:gd name="connsiteY7" fmla="*/ 3724788 h 6083868"/>
              <a:gd name="connsiteX8" fmla="*/ 6629241 w 12276384"/>
              <a:gd name="connsiteY8" fmla="*/ 3628113 h 6083868"/>
              <a:gd name="connsiteX9" fmla="*/ 8502515 w 12276384"/>
              <a:gd name="connsiteY9" fmla="*/ 2696695 h 6083868"/>
              <a:gd name="connsiteX10" fmla="*/ 9795111 w 12276384"/>
              <a:gd name="connsiteY10" fmla="*/ 1795776 h 6083868"/>
              <a:gd name="connsiteX11" fmla="*/ 11122025 w 12276384"/>
              <a:gd name="connsiteY11" fmla="*/ 1067386 h 6083868"/>
              <a:gd name="connsiteX12" fmla="*/ 12276384 w 12276384"/>
              <a:gd name="connsiteY12" fmla="*/ 0 h 6083868"/>
              <a:gd name="connsiteX0" fmla="*/ 12276384 w 12276384"/>
              <a:gd name="connsiteY0" fmla="*/ 0 h 6083868"/>
              <a:gd name="connsiteX1" fmla="*/ 12263906 w 12276384"/>
              <a:gd name="connsiteY1" fmla="*/ 6083868 h 6083868"/>
              <a:gd name="connsiteX2" fmla="*/ 5101 w 12276384"/>
              <a:gd name="connsiteY2" fmla="*/ 6058468 h 6083868"/>
              <a:gd name="connsiteX3" fmla="*/ 21 w 12276384"/>
              <a:gd name="connsiteY3" fmla="*/ 4433402 h 6083868"/>
              <a:gd name="connsiteX4" fmla="*/ 837547 w 12276384"/>
              <a:gd name="connsiteY4" fmla="*/ 4367163 h 6083868"/>
              <a:gd name="connsiteX5" fmla="*/ 2291731 w 12276384"/>
              <a:gd name="connsiteY5" fmla="*/ 4243354 h 6083868"/>
              <a:gd name="connsiteX6" fmla="*/ 3743637 w 12276384"/>
              <a:gd name="connsiteY6" fmla="*/ 3956819 h 6083868"/>
              <a:gd name="connsiteX7" fmla="*/ 5197656 w 12276384"/>
              <a:gd name="connsiteY7" fmla="*/ 3724788 h 6083868"/>
              <a:gd name="connsiteX8" fmla="*/ 6629241 w 12276384"/>
              <a:gd name="connsiteY8" fmla="*/ 3628113 h 6083868"/>
              <a:gd name="connsiteX9" fmla="*/ 8502515 w 12276384"/>
              <a:gd name="connsiteY9" fmla="*/ 2696695 h 6083868"/>
              <a:gd name="connsiteX10" fmla="*/ 9795111 w 12276384"/>
              <a:gd name="connsiteY10" fmla="*/ 1795776 h 6083868"/>
              <a:gd name="connsiteX11" fmla="*/ 11122025 w 12276384"/>
              <a:gd name="connsiteY11" fmla="*/ 1067386 h 6083868"/>
              <a:gd name="connsiteX12" fmla="*/ 12276384 w 12276384"/>
              <a:gd name="connsiteY12" fmla="*/ 0 h 6083868"/>
              <a:gd name="connsiteX0" fmla="*/ 12276384 w 12276384"/>
              <a:gd name="connsiteY0" fmla="*/ 0 h 6083868"/>
              <a:gd name="connsiteX1" fmla="*/ 12263906 w 12276384"/>
              <a:gd name="connsiteY1" fmla="*/ 6083868 h 6083868"/>
              <a:gd name="connsiteX2" fmla="*/ 5101 w 12276384"/>
              <a:gd name="connsiteY2" fmla="*/ 6058468 h 6083868"/>
              <a:gd name="connsiteX3" fmla="*/ 21 w 12276384"/>
              <a:gd name="connsiteY3" fmla="*/ 4433402 h 6083868"/>
              <a:gd name="connsiteX4" fmla="*/ 837547 w 12276384"/>
              <a:gd name="connsiteY4" fmla="*/ 4367163 h 6083868"/>
              <a:gd name="connsiteX5" fmla="*/ 2291731 w 12276384"/>
              <a:gd name="connsiteY5" fmla="*/ 4243354 h 6083868"/>
              <a:gd name="connsiteX6" fmla="*/ 3743637 w 12276384"/>
              <a:gd name="connsiteY6" fmla="*/ 3956819 h 6083868"/>
              <a:gd name="connsiteX7" fmla="*/ 5197656 w 12276384"/>
              <a:gd name="connsiteY7" fmla="*/ 3724788 h 6083868"/>
              <a:gd name="connsiteX8" fmla="*/ 6629241 w 12276384"/>
              <a:gd name="connsiteY8" fmla="*/ 3628113 h 6083868"/>
              <a:gd name="connsiteX9" fmla="*/ 8502515 w 12276384"/>
              <a:gd name="connsiteY9" fmla="*/ 2696695 h 6083868"/>
              <a:gd name="connsiteX10" fmla="*/ 9795111 w 12276384"/>
              <a:gd name="connsiteY10" fmla="*/ 1795776 h 6083868"/>
              <a:gd name="connsiteX11" fmla="*/ 11122025 w 12276384"/>
              <a:gd name="connsiteY11" fmla="*/ 1067386 h 6083868"/>
              <a:gd name="connsiteX12" fmla="*/ 12276384 w 12276384"/>
              <a:gd name="connsiteY12" fmla="*/ 0 h 6083868"/>
              <a:gd name="connsiteX0" fmla="*/ 12276384 w 12276384"/>
              <a:gd name="connsiteY0" fmla="*/ 0 h 6206218"/>
              <a:gd name="connsiteX1" fmla="*/ 12263906 w 12276384"/>
              <a:gd name="connsiteY1" fmla="*/ 6206218 h 6206218"/>
              <a:gd name="connsiteX2" fmla="*/ 5101 w 12276384"/>
              <a:gd name="connsiteY2" fmla="*/ 6180818 h 6206218"/>
              <a:gd name="connsiteX3" fmla="*/ 21 w 12276384"/>
              <a:gd name="connsiteY3" fmla="*/ 4555752 h 6206218"/>
              <a:gd name="connsiteX4" fmla="*/ 837547 w 12276384"/>
              <a:gd name="connsiteY4" fmla="*/ 4489513 h 6206218"/>
              <a:gd name="connsiteX5" fmla="*/ 2291731 w 12276384"/>
              <a:gd name="connsiteY5" fmla="*/ 4365704 h 6206218"/>
              <a:gd name="connsiteX6" fmla="*/ 3743637 w 12276384"/>
              <a:gd name="connsiteY6" fmla="*/ 4079169 h 6206218"/>
              <a:gd name="connsiteX7" fmla="*/ 5197656 w 12276384"/>
              <a:gd name="connsiteY7" fmla="*/ 3847138 h 6206218"/>
              <a:gd name="connsiteX8" fmla="*/ 6629241 w 12276384"/>
              <a:gd name="connsiteY8" fmla="*/ 3750463 h 6206218"/>
              <a:gd name="connsiteX9" fmla="*/ 8502515 w 12276384"/>
              <a:gd name="connsiteY9" fmla="*/ 2819045 h 6206218"/>
              <a:gd name="connsiteX10" fmla="*/ 9795111 w 12276384"/>
              <a:gd name="connsiteY10" fmla="*/ 1918126 h 6206218"/>
              <a:gd name="connsiteX11" fmla="*/ 11122025 w 12276384"/>
              <a:gd name="connsiteY11" fmla="*/ 1189736 h 6206218"/>
              <a:gd name="connsiteX12" fmla="*/ 12276384 w 12276384"/>
              <a:gd name="connsiteY12" fmla="*/ 0 h 6206218"/>
              <a:gd name="connsiteX0" fmla="*/ 12276384 w 12276384"/>
              <a:gd name="connsiteY0" fmla="*/ 0 h 6206218"/>
              <a:gd name="connsiteX1" fmla="*/ 12263906 w 12276384"/>
              <a:gd name="connsiteY1" fmla="*/ 6206218 h 6206218"/>
              <a:gd name="connsiteX2" fmla="*/ 5101 w 12276384"/>
              <a:gd name="connsiteY2" fmla="*/ 6180818 h 6206218"/>
              <a:gd name="connsiteX3" fmla="*/ 21 w 12276384"/>
              <a:gd name="connsiteY3" fmla="*/ 4555752 h 6206218"/>
              <a:gd name="connsiteX4" fmla="*/ 837547 w 12276384"/>
              <a:gd name="connsiteY4" fmla="*/ 4489513 h 6206218"/>
              <a:gd name="connsiteX5" fmla="*/ 2291731 w 12276384"/>
              <a:gd name="connsiteY5" fmla="*/ 4365704 h 6206218"/>
              <a:gd name="connsiteX6" fmla="*/ 3743637 w 12276384"/>
              <a:gd name="connsiteY6" fmla="*/ 4079169 h 6206218"/>
              <a:gd name="connsiteX7" fmla="*/ 5197656 w 12276384"/>
              <a:gd name="connsiteY7" fmla="*/ 3847138 h 6206218"/>
              <a:gd name="connsiteX8" fmla="*/ 6629241 w 12276384"/>
              <a:gd name="connsiteY8" fmla="*/ 3750463 h 6206218"/>
              <a:gd name="connsiteX9" fmla="*/ 8502515 w 12276384"/>
              <a:gd name="connsiteY9" fmla="*/ 2819045 h 6206218"/>
              <a:gd name="connsiteX10" fmla="*/ 9795111 w 12276384"/>
              <a:gd name="connsiteY10" fmla="*/ 1918126 h 6206218"/>
              <a:gd name="connsiteX11" fmla="*/ 11122025 w 12276384"/>
              <a:gd name="connsiteY11" fmla="*/ 1189736 h 6206218"/>
              <a:gd name="connsiteX12" fmla="*/ 12276384 w 12276384"/>
              <a:gd name="connsiteY12" fmla="*/ 0 h 6206218"/>
              <a:gd name="connsiteX0" fmla="*/ 12276384 w 12276384"/>
              <a:gd name="connsiteY0" fmla="*/ 0 h 6206218"/>
              <a:gd name="connsiteX1" fmla="*/ 12263906 w 12276384"/>
              <a:gd name="connsiteY1" fmla="*/ 6206218 h 6206218"/>
              <a:gd name="connsiteX2" fmla="*/ 5101 w 12276384"/>
              <a:gd name="connsiteY2" fmla="*/ 6180818 h 6206218"/>
              <a:gd name="connsiteX3" fmla="*/ 21 w 12276384"/>
              <a:gd name="connsiteY3" fmla="*/ 4555752 h 6206218"/>
              <a:gd name="connsiteX4" fmla="*/ 837547 w 12276384"/>
              <a:gd name="connsiteY4" fmla="*/ 4489513 h 6206218"/>
              <a:gd name="connsiteX5" fmla="*/ 2291731 w 12276384"/>
              <a:gd name="connsiteY5" fmla="*/ 4365704 h 6206218"/>
              <a:gd name="connsiteX6" fmla="*/ 3743637 w 12276384"/>
              <a:gd name="connsiteY6" fmla="*/ 4079169 h 6206218"/>
              <a:gd name="connsiteX7" fmla="*/ 5197656 w 12276384"/>
              <a:gd name="connsiteY7" fmla="*/ 3847138 h 6206218"/>
              <a:gd name="connsiteX8" fmla="*/ 7189472 w 12276384"/>
              <a:gd name="connsiteY8" fmla="*/ 3480007 h 6206218"/>
              <a:gd name="connsiteX9" fmla="*/ 8502515 w 12276384"/>
              <a:gd name="connsiteY9" fmla="*/ 2819045 h 6206218"/>
              <a:gd name="connsiteX10" fmla="*/ 9795111 w 12276384"/>
              <a:gd name="connsiteY10" fmla="*/ 1918126 h 6206218"/>
              <a:gd name="connsiteX11" fmla="*/ 11122025 w 12276384"/>
              <a:gd name="connsiteY11" fmla="*/ 1189736 h 6206218"/>
              <a:gd name="connsiteX12" fmla="*/ 12276384 w 12276384"/>
              <a:gd name="connsiteY12" fmla="*/ 0 h 6206218"/>
              <a:gd name="connsiteX0" fmla="*/ 12276384 w 12276384"/>
              <a:gd name="connsiteY0" fmla="*/ 0 h 6206218"/>
              <a:gd name="connsiteX1" fmla="*/ 12263906 w 12276384"/>
              <a:gd name="connsiteY1" fmla="*/ 6206218 h 6206218"/>
              <a:gd name="connsiteX2" fmla="*/ 5101 w 12276384"/>
              <a:gd name="connsiteY2" fmla="*/ 6180818 h 6206218"/>
              <a:gd name="connsiteX3" fmla="*/ 21 w 12276384"/>
              <a:gd name="connsiteY3" fmla="*/ 4555752 h 6206218"/>
              <a:gd name="connsiteX4" fmla="*/ 837547 w 12276384"/>
              <a:gd name="connsiteY4" fmla="*/ 4489513 h 6206218"/>
              <a:gd name="connsiteX5" fmla="*/ 2291731 w 12276384"/>
              <a:gd name="connsiteY5" fmla="*/ 4365704 h 6206218"/>
              <a:gd name="connsiteX6" fmla="*/ 3743637 w 12276384"/>
              <a:gd name="connsiteY6" fmla="*/ 4079169 h 6206218"/>
              <a:gd name="connsiteX7" fmla="*/ 5197656 w 12276384"/>
              <a:gd name="connsiteY7" fmla="*/ 3847138 h 6206218"/>
              <a:gd name="connsiteX8" fmla="*/ 7189472 w 12276384"/>
              <a:gd name="connsiteY8" fmla="*/ 3480007 h 6206218"/>
              <a:gd name="connsiteX9" fmla="*/ 8502515 w 12276384"/>
              <a:gd name="connsiteY9" fmla="*/ 2819045 h 6206218"/>
              <a:gd name="connsiteX10" fmla="*/ 9795111 w 12276384"/>
              <a:gd name="connsiteY10" fmla="*/ 1918126 h 6206218"/>
              <a:gd name="connsiteX11" fmla="*/ 11122025 w 12276384"/>
              <a:gd name="connsiteY11" fmla="*/ 1189736 h 6206218"/>
              <a:gd name="connsiteX12" fmla="*/ 12276384 w 12276384"/>
              <a:gd name="connsiteY12" fmla="*/ 0 h 6206218"/>
              <a:gd name="connsiteX0" fmla="*/ 12276384 w 12276384"/>
              <a:gd name="connsiteY0" fmla="*/ 0 h 6206218"/>
              <a:gd name="connsiteX1" fmla="*/ 12263906 w 12276384"/>
              <a:gd name="connsiteY1" fmla="*/ 6206218 h 6206218"/>
              <a:gd name="connsiteX2" fmla="*/ 5101 w 12276384"/>
              <a:gd name="connsiteY2" fmla="*/ 6180818 h 6206218"/>
              <a:gd name="connsiteX3" fmla="*/ 21 w 12276384"/>
              <a:gd name="connsiteY3" fmla="*/ 4555752 h 6206218"/>
              <a:gd name="connsiteX4" fmla="*/ 837547 w 12276384"/>
              <a:gd name="connsiteY4" fmla="*/ 4489513 h 6206218"/>
              <a:gd name="connsiteX5" fmla="*/ 2291731 w 12276384"/>
              <a:gd name="connsiteY5" fmla="*/ 4365704 h 6206218"/>
              <a:gd name="connsiteX6" fmla="*/ 3743637 w 12276384"/>
              <a:gd name="connsiteY6" fmla="*/ 4079169 h 6206218"/>
              <a:gd name="connsiteX7" fmla="*/ 5274929 w 12276384"/>
              <a:gd name="connsiteY7" fmla="*/ 4085397 h 6206218"/>
              <a:gd name="connsiteX8" fmla="*/ 7189472 w 12276384"/>
              <a:gd name="connsiteY8" fmla="*/ 3480007 h 6206218"/>
              <a:gd name="connsiteX9" fmla="*/ 8502515 w 12276384"/>
              <a:gd name="connsiteY9" fmla="*/ 2819045 h 6206218"/>
              <a:gd name="connsiteX10" fmla="*/ 9795111 w 12276384"/>
              <a:gd name="connsiteY10" fmla="*/ 1918126 h 6206218"/>
              <a:gd name="connsiteX11" fmla="*/ 11122025 w 12276384"/>
              <a:gd name="connsiteY11" fmla="*/ 1189736 h 6206218"/>
              <a:gd name="connsiteX12" fmla="*/ 12276384 w 12276384"/>
              <a:gd name="connsiteY12" fmla="*/ 0 h 6206218"/>
              <a:gd name="connsiteX0" fmla="*/ 12276384 w 12276384"/>
              <a:gd name="connsiteY0" fmla="*/ 0 h 6206218"/>
              <a:gd name="connsiteX1" fmla="*/ 12263906 w 12276384"/>
              <a:gd name="connsiteY1" fmla="*/ 6206218 h 6206218"/>
              <a:gd name="connsiteX2" fmla="*/ 5101 w 12276384"/>
              <a:gd name="connsiteY2" fmla="*/ 6180818 h 6206218"/>
              <a:gd name="connsiteX3" fmla="*/ 21 w 12276384"/>
              <a:gd name="connsiteY3" fmla="*/ 4555752 h 6206218"/>
              <a:gd name="connsiteX4" fmla="*/ 837547 w 12276384"/>
              <a:gd name="connsiteY4" fmla="*/ 4489513 h 6206218"/>
              <a:gd name="connsiteX5" fmla="*/ 2291731 w 12276384"/>
              <a:gd name="connsiteY5" fmla="*/ 4365704 h 6206218"/>
              <a:gd name="connsiteX6" fmla="*/ 3743637 w 12276384"/>
              <a:gd name="connsiteY6" fmla="*/ 4079169 h 6206218"/>
              <a:gd name="connsiteX7" fmla="*/ 5854478 w 12276384"/>
              <a:gd name="connsiteY7" fmla="*/ 3898654 h 6206218"/>
              <a:gd name="connsiteX8" fmla="*/ 7189472 w 12276384"/>
              <a:gd name="connsiteY8" fmla="*/ 3480007 h 6206218"/>
              <a:gd name="connsiteX9" fmla="*/ 8502515 w 12276384"/>
              <a:gd name="connsiteY9" fmla="*/ 2819045 h 6206218"/>
              <a:gd name="connsiteX10" fmla="*/ 9795111 w 12276384"/>
              <a:gd name="connsiteY10" fmla="*/ 1918126 h 6206218"/>
              <a:gd name="connsiteX11" fmla="*/ 11122025 w 12276384"/>
              <a:gd name="connsiteY11" fmla="*/ 1189736 h 6206218"/>
              <a:gd name="connsiteX12" fmla="*/ 12276384 w 12276384"/>
              <a:gd name="connsiteY12" fmla="*/ 0 h 6206218"/>
              <a:gd name="connsiteX0" fmla="*/ 12276384 w 12276384"/>
              <a:gd name="connsiteY0" fmla="*/ 0 h 6206218"/>
              <a:gd name="connsiteX1" fmla="*/ 12263906 w 12276384"/>
              <a:gd name="connsiteY1" fmla="*/ 6206218 h 6206218"/>
              <a:gd name="connsiteX2" fmla="*/ 5101 w 12276384"/>
              <a:gd name="connsiteY2" fmla="*/ 6180818 h 6206218"/>
              <a:gd name="connsiteX3" fmla="*/ 21 w 12276384"/>
              <a:gd name="connsiteY3" fmla="*/ 4555752 h 6206218"/>
              <a:gd name="connsiteX4" fmla="*/ 837547 w 12276384"/>
              <a:gd name="connsiteY4" fmla="*/ 4489513 h 6206218"/>
              <a:gd name="connsiteX5" fmla="*/ 2291731 w 12276384"/>
              <a:gd name="connsiteY5" fmla="*/ 4365704 h 6206218"/>
              <a:gd name="connsiteX6" fmla="*/ 4567885 w 12276384"/>
              <a:gd name="connsiteY6" fmla="*/ 3976138 h 6206218"/>
              <a:gd name="connsiteX7" fmla="*/ 5854478 w 12276384"/>
              <a:gd name="connsiteY7" fmla="*/ 3898654 h 6206218"/>
              <a:gd name="connsiteX8" fmla="*/ 7189472 w 12276384"/>
              <a:gd name="connsiteY8" fmla="*/ 3480007 h 6206218"/>
              <a:gd name="connsiteX9" fmla="*/ 8502515 w 12276384"/>
              <a:gd name="connsiteY9" fmla="*/ 2819045 h 6206218"/>
              <a:gd name="connsiteX10" fmla="*/ 9795111 w 12276384"/>
              <a:gd name="connsiteY10" fmla="*/ 1918126 h 6206218"/>
              <a:gd name="connsiteX11" fmla="*/ 11122025 w 12276384"/>
              <a:gd name="connsiteY11" fmla="*/ 1189736 h 6206218"/>
              <a:gd name="connsiteX12" fmla="*/ 12276384 w 12276384"/>
              <a:gd name="connsiteY12" fmla="*/ 0 h 6206218"/>
              <a:gd name="connsiteX0" fmla="*/ 12276384 w 12276384"/>
              <a:gd name="connsiteY0" fmla="*/ 0 h 6206218"/>
              <a:gd name="connsiteX1" fmla="*/ 12263906 w 12276384"/>
              <a:gd name="connsiteY1" fmla="*/ 6206218 h 6206218"/>
              <a:gd name="connsiteX2" fmla="*/ 5101 w 12276384"/>
              <a:gd name="connsiteY2" fmla="*/ 6180818 h 6206218"/>
              <a:gd name="connsiteX3" fmla="*/ 21 w 12276384"/>
              <a:gd name="connsiteY3" fmla="*/ 4555752 h 6206218"/>
              <a:gd name="connsiteX4" fmla="*/ 837547 w 12276384"/>
              <a:gd name="connsiteY4" fmla="*/ 4489513 h 6206218"/>
              <a:gd name="connsiteX5" fmla="*/ 2291731 w 12276384"/>
              <a:gd name="connsiteY5" fmla="*/ 4365704 h 6206218"/>
              <a:gd name="connsiteX6" fmla="*/ 4567885 w 12276384"/>
              <a:gd name="connsiteY6" fmla="*/ 3976138 h 6206218"/>
              <a:gd name="connsiteX7" fmla="*/ 5854478 w 12276384"/>
              <a:gd name="connsiteY7" fmla="*/ 3898654 h 6206218"/>
              <a:gd name="connsiteX8" fmla="*/ 7189472 w 12276384"/>
              <a:gd name="connsiteY8" fmla="*/ 3480007 h 6206218"/>
              <a:gd name="connsiteX9" fmla="*/ 8502515 w 12276384"/>
              <a:gd name="connsiteY9" fmla="*/ 2819045 h 6206218"/>
              <a:gd name="connsiteX10" fmla="*/ 9795111 w 12276384"/>
              <a:gd name="connsiteY10" fmla="*/ 1918126 h 6206218"/>
              <a:gd name="connsiteX11" fmla="*/ 11122025 w 12276384"/>
              <a:gd name="connsiteY11" fmla="*/ 1189736 h 6206218"/>
              <a:gd name="connsiteX12" fmla="*/ 12276384 w 12276384"/>
              <a:gd name="connsiteY12" fmla="*/ 0 h 6206218"/>
              <a:gd name="connsiteX0" fmla="*/ 12276384 w 12276384"/>
              <a:gd name="connsiteY0" fmla="*/ 0 h 6206218"/>
              <a:gd name="connsiteX1" fmla="*/ 12263906 w 12276384"/>
              <a:gd name="connsiteY1" fmla="*/ 6206218 h 6206218"/>
              <a:gd name="connsiteX2" fmla="*/ 5101 w 12276384"/>
              <a:gd name="connsiteY2" fmla="*/ 6180818 h 6206218"/>
              <a:gd name="connsiteX3" fmla="*/ 21 w 12276384"/>
              <a:gd name="connsiteY3" fmla="*/ 4555752 h 6206218"/>
              <a:gd name="connsiteX4" fmla="*/ 837547 w 12276384"/>
              <a:gd name="connsiteY4" fmla="*/ 4489513 h 6206218"/>
              <a:gd name="connsiteX5" fmla="*/ 3270526 w 12276384"/>
              <a:gd name="connsiteY5" fmla="*/ 4140324 h 6206218"/>
              <a:gd name="connsiteX6" fmla="*/ 4567885 w 12276384"/>
              <a:gd name="connsiteY6" fmla="*/ 3976138 h 6206218"/>
              <a:gd name="connsiteX7" fmla="*/ 5854478 w 12276384"/>
              <a:gd name="connsiteY7" fmla="*/ 3898654 h 6206218"/>
              <a:gd name="connsiteX8" fmla="*/ 7189472 w 12276384"/>
              <a:gd name="connsiteY8" fmla="*/ 3480007 h 6206218"/>
              <a:gd name="connsiteX9" fmla="*/ 8502515 w 12276384"/>
              <a:gd name="connsiteY9" fmla="*/ 2819045 h 6206218"/>
              <a:gd name="connsiteX10" fmla="*/ 9795111 w 12276384"/>
              <a:gd name="connsiteY10" fmla="*/ 1918126 h 6206218"/>
              <a:gd name="connsiteX11" fmla="*/ 11122025 w 12276384"/>
              <a:gd name="connsiteY11" fmla="*/ 1189736 h 6206218"/>
              <a:gd name="connsiteX12" fmla="*/ 12276384 w 12276384"/>
              <a:gd name="connsiteY12" fmla="*/ 0 h 6206218"/>
              <a:gd name="connsiteX0" fmla="*/ 12276384 w 12276384"/>
              <a:gd name="connsiteY0" fmla="*/ 0 h 6206218"/>
              <a:gd name="connsiteX1" fmla="*/ 12263906 w 12276384"/>
              <a:gd name="connsiteY1" fmla="*/ 6206218 h 6206218"/>
              <a:gd name="connsiteX2" fmla="*/ 5101 w 12276384"/>
              <a:gd name="connsiteY2" fmla="*/ 6180818 h 6206218"/>
              <a:gd name="connsiteX3" fmla="*/ 21 w 12276384"/>
              <a:gd name="connsiteY3" fmla="*/ 4555752 h 6206218"/>
              <a:gd name="connsiteX4" fmla="*/ 1661795 w 12276384"/>
              <a:gd name="connsiteY4" fmla="*/ 4547468 h 6206218"/>
              <a:gd name="connsiteX5" fmla="*/ 3270526 w 12276384"/>
              <a:gd name="connsiteY5" fmla="*/ 4140324 h 6206218"/>
              <a:gd name="connsiteX6" fmla="*/ 4567885 w 12276384"/>
              <a:gd name="connsiteY6" fmla="*/ 3976138 h 6206218"/>
              <a:gd name="connsiteX7" fmla="*/ 5854478 w 12276384"/>
              <a:gd name="connsiteY7" fmla="*/ 3898654 h 6206218"/>
              <a:gd name="connsiteX8" fmla="*/ 7189472 w 12276384"/>
              <a:gd name="connsiteY8" fmla="*/ 3480007 h 6206218"/>
              <a:gd name="connsiteX9" fmla="*/ 8502515 w 12276384"/>
              <a:gd name="connsiteY9" fmla="*/ 2819045 h 6206218"/>
              <a:gd name="connsiteX10" fmla="*/ 9795111 w 12276384"/>
              <a:gd name="connsiteY10" fmla="*/ 1918126 h 6206218"/>
              <a:gd name="connsiteX11" fmla="*/ 11122025 w 12276384"/>
              <a:gd name="connsiteY11" fmla="*/ 1189736 h 6206218"/>
              <a:gd name="connsiteX12" fmla="*/ 12276384 w 12276384"/>
              <a:gd name="connsiteY12" fmla="*/ 0 h 6206218"/>
              <a:gd name="connsiteX0" fmla="*/ 12276384 w 12276384"/>
              <a:gd name="connsiteY0" fmla="*/ 0 h 6206218"/>
              <a:gd name="connsiteX1" fmla="*/ 12263906 w 12276384"/>
              <a:gd name="connsiteY1" fmla="*/ 6206218 h 6206218"/>
              <a:gd name="connsiteX2" fmla="*/ 5101 w 12276384"/>
              <a:gd name="connsiteY2" fmla="*/ 6180818 h 6206218"/>
              <a:gd name="connsiteX3" fmla="*/ 21 w 12276384"/>
              <a:gd name="connsiteY3" fmla="*/ 4555752 h 6206218"/>
              <a:gd name="connsiteX4" fmla="*/ 1932251 w 12276384"/>
              <a:gd name="connsiteY4" fmla="*/ 4367164 h 6206218"/>
              <a:gd name="connsiteX5" fmla="*/ 3270526 w 12276384"/>
              <a:gd name="connsiteY5" fmla="*/ 4140324 h 6206218"/>
              <a:gd name="connsiteX6" fmla="*/ 4567885 w 12276384"/>
              <a:gd name="connsiteY6" fmla="*/ 3976138 h 6206218"/>
              <a:gd name="connsiteX7" fmla="*/ 5854478 w 12276384"/>
              <a:gd name="connsiteY7" fmla="*/ 3898654 h 6206218"/>
              <a:gd name="connsiteX8" fmla="*/ 7189472 w 12276384"/>
              <a:gd name="connsiteY8" fmla="*/ 3480007 h 6206218"/>
              <a:gd name="connsiteX9" fmla="*/ 8502515 w 12276384"/>
              <a:gd name="connsiteY9" fmla="*/ 2819045 h 6206218"/>
              <a:gd name="connsiteX10" fmla="*/ 9795111 w 12276384"/>
              <a:gd name="connsiteY10" fmla="*/ 1918126 h 6206218"/>
              <a:gd name="connsiteX11" fmla="*/ 11122025 w 12276384"/>
              <a:gd name="connsiteY11" fmla="*/ 1189736 h 6206218"/>
              <a:gd name="connsiteX12" fmla="*/ 12276384 w 12276384"/>
              <a:gd name="connsiteY12" fmla="*/ 0 h 6206218"/>
              <a:gd name="connsiteX0" fmla="*/ 12276384 w 12276384"/>
              <a:gd name="connsiteY0" fmla="*/ 0 h 6206218"/>
              <a:gd name="connsiteX1" fmla="*/ 12263906 w 12276384"/>
              <a:gd name="connsiteY1" fmla="*/ 6206218 h 6206218"/>
              <a:gd name="connsiteX2" fmla="*/ 5101 w 12276384"/>
              <a:gd name="connsiteY2" fmla="*/ 6180818 h 6206218"/>
              <a:gd name="connsiteX3" fmla="*/ 21 w 12276384"/>
              <a:gd name="connsiteY3" fmla="*/ 4555752 h 6206218"/>
              <a:gd name="connsiteX4" fmla="*/ 1207796 w 12276384"/>
              <a:gd name="connsiteY4" fmla="*/ 4437640 h 6206218"/>
              <a:gd name="connsiteX5" fmla="*/ 1932251 w 12276384"/>
              <a:gd name="connsiteY5" fmla="*/ 4367164 h 6206218"/>
              <a:gd name="connsiteX6" fmla="*/ 3270526 w 12276384"/>
              <a:gd name="connsiteY6" fmla="*/ 4140324 h 6206218"/>
              <a:gd name="connsiteX7" fmla="*/ 4567885 w 12276384"/>
              <a:gd name="connsiteY7" fmla="*/ 3976138 h 6206218"/>
              <a:gd name="connsiteX8" fmla="*/ 5854478 w 12276384"/>
              <a:gd name="connsiteY8" fmla="*/ 3898654 h 6206218"/>
              <a:gd name="connsiteX9" fmla="*/ 7189472 w 12276384"/>
              <a:gd name="connsiteY9" fmla="*/ 3480007 h 6206218"/>
              <a:gd name="connsiteX10" fmla="*/ 8502515 w 12276384"/>
              <a:gd name="connsiteY10" fmla="*/ 2819045 h 6206218"/>
              <a:gd name="connsiteX11" fmla="*/ 9795111 w 12276384"/>
              <a:gd name="connsiteY11" fmla="*/ 1918126 h 6206218"/>
              <a:gd name="connsiteX12" fmla="*/ 11122025 w 12276384"/>
              <a:gd name="connsiteY12" fmla="*/ 1189736 h 6206218"/>
              <a:gd name="connsiteX13" fmla="*/ 12276384 w 12276384"/>
              <a:gd name="connsiteY13" fmla="*/ 0 h 6206218"/>
              <a:gd name="connsiteX0" fmla="*/ 12276384 w 12276384"/>
              <a:gd name="connsiteY0" fmla="*/ 0 h 6206218"/>
              <a:gd name="connsiteX1" fmla="*/ 12263906 w 12276384"/>
              <a:gd name="connsiteY1" fmla="*/ 6206218 h 6206218"/>
              <a:gd name="connsiteX2" fmla="*/ 5101 w 12276384"/>
              <a:gd name="connsiteY2" fmla="*/ 6180818 h 6206218"/>
              <a:gd name="connsiteX3" fmla="*/ 21 w 12276384"/>
              <a:gd name="connsiteY3" fmla="*/ 4555752 h 6206218"/>
              <a:gd name="connsiteX4" fmla="*/ 814991 w 12276384"/>
              <a:gd name="connsiteY4" fmla="*/ 4605066 h 6206218"/>
              <a:gd name="connsiteX5" fmla="*/ 1932251 w 12276384"/>
              <a:gd name="connsiteY5" fmla="*/ 4367164 h 6206218"/>
              <a:gd name="connsiteX6" fmla="*/ 3270526 w 12276384"/>
              <a:gd name="connsiteY6" fmla="*/ 4140324 h 6206218"/>
              <a:gd name="connsiteX7" fmla="*/ 4567885 w 12276384"/>
              <a:gd name="connsiteY7" fmla="*/ 3976138 h 6206218"/>
              <a:gd name="connsiteX8" fmla="*/ 5854478 w 12276384"/>
              <a:gd name="connsiteY8" fmla="*/ 3898654 h 6206218"/>
              <a:gd name="connsiteX9" fmla="*/ 7189472 w 12276384"/>
              <a:gd name="connsiteY9" fmla="*/ 3480007 h 6206218"/>
              <a:gd name="connsiteX10" fmla="*/ 8502515 w 12276384"/>
              <a:gd name="connsiteY10" fmla="*/ 2819045 h 6206218"/>
              <a:gd name="connsiteX11" fmla="*/ 9795111 w 12276384"/>
              <a:gd name="connsiteY11" fmla="*/ 1918126 h 6206218"/>
              <a:gd name="connsiteX12" fmla="*/ 11122025 w 12276384"/>
              <a:gd name="connsiteY12" fmla="*/ 1189736 h 6206218"/>
              <a:gd name="connsiteX13" fmla="*/ 12276384 w 12276384"/>
              <a:gd name="connsiteY13" fmla="*/ 0 h 6206218"/>
              <a:gd name="connsiteX0" fmla="*/ 12276384 w 12276384"/>
              <a:gd name="connsiteY0" fmla="*/ 0 h 6206218"/>
              <a:gd name="connsiteX1" fmla="*/ 12263906 w 12276384"/>
              <a:gd name="connsiteY1" fmla="*/ 6206218 h 6206218"/>
              <a:gd name="connsiteX2" fmla="*/ 5101 w 12276384"/>
              <a:gd name="connsiteY2" fmla="*/ 6180818 h 6206218"/>
              <a:gd name="connsiteX3" fmla="*/ 21 w 12276384"/>
              <a:gd name="connsiteY3" fmla="*/ 4555752 h 6206218"/>
              <a:gd name="connsiteX4" fmla="*/ 634687 w 12276384"/>
              <a:gd name="connsiteY4" fmla="*/ 4463399 h 6206218"/>
              <a:gd name="connsiteX5" fmla="*/ 1932251 w 12276384"/>
              <a:gd name="connsiteY5" fmla="*/ 4367164 h 6206218"/>
              <a:gd name="connsiteX6" fmla="*/ 3270526 w 12276384"/>
              <a:gd name="connsiteY6" fmla="*/ 4140324 h 6206218"/>
              <a:gd name="connsiteX7" fmla="*/ 4567885 w 12276384"/>
              <a:gd name="connsiteY7" fmla="*/ 3976138 h 6206218"/>
              <a:gd name="connsiteX8" fmla="*/ 5854478 w 12276384"/>
              <a:gd name="connsiteY8" fmla="*/ 3898654 h 6206218"/>
              <a:gd name="connsiteX9" fmla="*/ 7189472 w 12276384"/>
              <a:gd name="connsiteY9" fmla="*/ 3480007 h 6206218"/>
              <a:gd name="connsiteX10" fmla="*/ 8502515 w 12276384"/>
              <a:gd name="connsiteY10" fmla="*/ 2819045 h 6206218"/>
              <a:gd name="connsiteX11" fmla="*/ 9795111 w 12276384"/>
              <a:gd name="connsiteY11" fmla="*/ 1918126 h 6206218"/>
              <a:gd name="connsiteX12" fmla="*/ 11122025 w 12276384"/>
              <a:gd name="connsiteY12" fmla="*/ 1189736 h 6206218"/>
              <a:gd name="connsiteX13" fmla="*/ 12276384 w 12276384"/>
              <a:gd name="connsiteY13" fmla="*/ 0 h 6206218"/>
              <a:gd name="connsiteX0" fmla="*/ 12276384 w 12276384"/>
              <a:gd name="connsiteY0" fmla="*/ 0 h 6206218"/>
              <a:gd name="connsiteX1" fmla="*/ 12263906 w 12276384"/>
              <a:gd name="connsiteY1" fmla="*/ 6206218 h 6206218"/>
              <a:gd name="connsiteX2" fmla="*/ 5101 w 12276384"/>
              <a:gd name="connsiteY2" fmla="*/ 6180818 h 6206218"/>
              <a:gd name="connsiteX3" fmla="*/ 21 w 12276384"/>
              <a:gd name="connsiteY3" fmla="*/ 4555752 h 6206218"/>
              <a:gd name="connsiteX4" fmla="*/ 634687 w 12276384"/>
              <a:gd name="connsiteY4" fmla="*/ 4463399 h 6206218"/>
              <a:gd name="connsiteX5" fmla="*/ 1938691 w 12276384"/>
              <a:gd name="connsiteY5" fmla="*/ 4380043 h 6206218"/>
              <a:gd name="connsiteX6" fmla="*/ 3270526 w 12276384"/>
              <a:gd name="connsiteY6" fmla="*/ 4140324 h 6206218"/>
              <a:gd name="connsiteX7" fmla="*/ 4567885 w 12276384"/>
              <a:gd name="connsiteY7" fmla="*/ 3976138 h 6206218"/>
              <a:gd name="connsiteX8" fmla="*/ 5854478 w 12276384"/>
              <a:gd name="connsiteY8" fmla="*/ 3898654 h 6206218"/>
              <a:gd name="connsiteX9" fmla="*/ 7189472 w 12276384"/>
              <a:gd name="connsiteY9" fmla="*/ 3480007 h 6206218"/>
              <a:gd name="connsiteX10" fmla="*/ 8502515 w 12276384"/>
              <a:gd name="connsiteY10" fmla="*/ 2819045 h 6206218"/>
              <a:gd name="connsiteX11" fmla="*/ 9795111 w 12276384"/>
              <a:gd name="connsiteY11" fmla="*/ 1918126 h 6206218"/>
              <a:gd name="connsiteX12" fmla="*/ 11122025 w 12276384"/>
              <a:gd name="connsiteY12" fmla="*/ 1189736 h 6206218"/>
              <a:gd name="connsiteX13" fmla="*/ 12276384 w 12276384"/>
              <a:gd name="connsiteY13" fmla="*/ 0 h 6206218"/>
              <a:gd name="connsiteX0" fmla="*/ 12276384 w 12276384"/>
              <a:gd name="connsiteY0" fmla="*/ 0 h 6206218"/>
              <a:gd name="connsiteX1" fmla="*/ 12263906 w 12276384"/>
              <a:gd name="connsiteY1" fmla="*/ 6206218 h 6206218"/>
              <a:gd name="connsiteX2" fmla="*/ 5101 w 12276384"/>
              <a:gd name="connsiteY2" fmla="*/ 6180818 h 6206218"/>
              <a:gd name="connsiteX3" fmla="*/ 21 w 12276384"/>
              <a:gd name="connsiteY3" fmla="*/ 4555752 h 6206218"/>
              <a:gd name="connsiteX4" fmla="*/ 634687 w 12276384"/>
              <a:gd name="connsiteY4" fmla="*/ 4463399 h 6206218"/>
              <a:gd name="connsiteX5" fmla="*/ 1938691 w 12276384"/>
              <a:gd name="connsiteY5" fmla="*/ 4380043 h 6206218"/>
              <a:gd name="connsiteX6" fmla="*/ 3270526 w 12276384"/>
              <a:gd name="connsiteY6" fmla="*/ 4140324 h 6206218"/>
              <a:gd name="connsiteX7" fmla="*/ 4567885 w 12276384"/>
              <a:gd name="connsiteY7" fmla="*/ 3976138 h 6206218"/>
              <a:gd name="connsiteX8" fmla="*/ 5854478 w 12276384"/>
              <a:gd name="connsiteY8" fmla="*/ 3898654 h 6206218"/>
              <a:gd name="connsiteX9" fmla="*/ 7189472 w 12276384"/>
              <a:gd name="connsiteY9" fmla="*/ 3480007 h 6206218"/>
              <a:gd name="connsiteX10" fmla="*/ 8502515 w 12276384"/>
              <a:gd name="connsiteY10" fmla="*/ 2819045 h 6206218"/>
              <a:gd name="connsiteX11" fmla="*/ 9795111 w 12276384"/>
              <a:gd name="connsiteY11" fmla="*/ 1918126 h 6206218"/>
              <a:gd name="connsiteX12" fmla="*/ 11122025 w 12276384"/>
              <a:gd name="connsiteY12" fmla="*/ 1189736 h 6206218"/>
              <a:gd name="connsiteX13" fmla="*/ 12276384 w 12276384"/>
              <a:gd name="connsiteY13" fmla="*/ 0 h 6206218"/>
              <a:gd name="connsiteX0" fmla="*/ 12276384 w 12276384"/>
              <a:gd name="connsiteY0" fmla="*/ 0 h 6206218"/>
              <a:gd name="connsiteX1" fmla="*/ 12263906 w 12276384"/>
              <a:gd name="connsiteY1" fmla="*/ 6206218 h 6206218"/>
              <a:gd name="connsiteX2" fmla="*/ 5101 w 12276384"/>
              <a:gd name="connsiteY2" fmla="*/ 6180818 h 6206218"/>
              <a:gd name="connsiteX3" fmla="*/ 21 w 12276384"/>
              <a:gd name="connsiteY3" fmla="*/ 4555752 h 6206218"/>
              <a:gd name="connsiteX4" fmla="*/ 634687 w 12276384"/>
              <a:gd name="connsiteY4" fmla="*/ 4463399 h 6206218"/>
              <a:gd name="connsiteX5" fmla="*/ 1938691 w 12276384"/>
              <a:gd name="connsiteY5" fmla="*/ 4380043 h 6206218"/>
              <a:gd name="connsiteX6" fmla="*/ 3270526 w 12276384"/>
              <a:gd name="connsiteY6" fmla="*/ 4140324 h 6206218"/>
              <a:gd name="connsiteX7" fmla="*/ 4567885 w 12276384"/>
              <a:gd name="connsiteY7" fmla="*/ 3976138 h 6206218"/>
              <a:gd name="connsiteX8" fmla="*/ 5854478 w 12276384"/>
              <a:gd name="connsiteY8" fmla="*/ 3898654 h 6206218"/>
              <a:gd name="connsiteX9" fmla="*/ 7189472 w 12276384"/>
              <a:gd name="connsiteY9" fmla="*/ 3480007 h 6206218"/>
              <a:gd name="connsiteX10" fmla="*/ 8502515 w 12276384"/>
              <a:gd name="connsiteY10" fmla="*/ 2819045 h 6206218"/>
              <a:gd name="connsiteX11" fmla="*/ 9795111 w 12276384"/>
              <a:gd name="connsiteY11" fmla="*/ 1918126 h 6206218"/>
              <a:gd name="connsiteX12" fmla="*/ 11122025 w 12276384"/>
              <a:gd name="connsiteY12" fmla="*/ 1189736 h 6206218"/>
              <a:gd name="connsiteX13" fmla="*/ 12276384 w 12276384"/>
              <a:gd name="connsiteY13" fmla="*/ 0 h 6206218"/>
              <a:gd name="connsiteX0" fmla="*/ 12276384 w 12276384"/>
              <a:gd name="connsiteY0" fmla="*/ 0 h 6206218"/>
              <a:gd name="connsiteX1" fmla="*/ 12263906 w 12276384"/>
              <a:gd name="connsiteY1" fmla="*/ 6206218 h 6206218"/>
              <a:gd name="connsiteX2" fmla="*/ 5101 w 12276384"/>
              <a:gd name="connsiteY2" fmla="*/ 6180818 h 6206218"/>
              <a:gd name="connsiteX3" fmla="*/ 21 w 12276384"/>
              <a:gd name="connsiteY3" fmla="*/ 4555752 h 6206218"/>
              <a:gd name="connsiteX4" fmla="*/ 634687 w 12276384"/>
              <a:gd name="connsiteY4" fmla="*/ 4463399 h 6206218"/>
              <a:gd name="connsiteX5" fmla="*/ 1938691 w 12276384"/>
              <a:gd name="connsiteY5" fmla="*/ 4380043 h 6206218"/>
              <a:gd name="connsiteX6" fmla="*/ 3270526 w 12276384"/>
              <a:gd name="connsiteY6" fmla="*/ 4140324 h 6206218"/>
              <a:gd name="connsiteX7" fmla="*/ 4567885 w 12276384"/>
              <a:gd name="connsiteY7" fmla="*/ 3976138 h 6206218"/>
              <a:gd name="connsiteX8" fmla="*/ 5854478 w 12276384"/>
              <a:gd name="connsiteY8" fmla="*/ 3898654 h 6206218"/>
              <a:gd name="connsiteX9" fmla="*/ 7189472 w 12276384"/>
              <a:gd name="connsiteY9" fmla="*/ 3480007 h 6206218"/>
              <a:gd name="connsiteX10" fmla="*/ 8502515 w 12276384"/>
              <a:gd name="connsiteY10" fmla="*/ 2819045 h 6206218"/>
              <a:gd name="connsiteX11" fmla="*/ 9795111 w 12276384"/>
              <a:gd name="connsiteY11" fmla="*/ 1918126 h 6206218"/>
              <a:gd name="connsiteX12" fmla="*/ 11122025 w 12276384"/>
              <a:gd name="connsiteY12" fmla="*/ 1189736 h 6206218"/>
              <a:gd name="connsiteX13" fmla="*/ 12276384 w 12276384"/>
              <a:gd name="connsiteY13" fmla="*/ 0 h 6206218"/>
              <a:gd name="connsiteX0" fmla="*/ 12396964 w 12396964"/>
              <a:gd name="connsiteY0" fmla="*/ 0 h 5804284"/>
              <a:gd name="connsiteX1" fmla="*/ 12263906 w 12396964"/>
              <a:gd name="connsiteY1" fmla="*/ 5804284 h 5804284"/>
              <a:gd name="connsiteX2" fmla="*/ 5101 w 12396964"/>
              <a:gd name="connsiteY2" fmla="*/ 5778884 h 5804284"/>
              <a:gd name="connsiteX3" fmla="*/ 21 w 12396964"/>
              <a:gd name="connsiteY3" fmla="*/ 4153818 h 5804284"/>
              <a:gd name="connsiteX4" fmla="*/ 634687 w 12396964"/>
              <a:gd name="connsiteY4" fmla="*/ 4061465 h 5804284"/>
              <a:gd name="connsiteX5" fmla="*/ 1938691 w 12396964"/>
              <a:gd name="connsiteY5" fmla="*/ 3978109 h 5804284"/>
              <a:gd name="connsiteX6" fmla="*/ 3270526 w 12396964"/>
              <a:gd name="connsiteY6" fmla="*/ 3738390 h 5804284"/>
              <a:gd name="connsiteX7" fmla="*/ 4567885 w 12396964"/>
              <a:gd name="connsiteY7" fmla="*/ 3574204 h 5804284"/>
              <a:gd name="connsiteX8" fmla="*/ 5854478 w 12396964"/>
              <a:gd name="connsiteY8" fmla="*/ 3496720 h 5804284"/>
              <a:gd name="connsiteX9" fmla="*/ 7189472 w 12396964"/>
              <a:gd name="connsiteY9" fmla="*/ 3078073 h 5804284"/>
              <a:gd name="connsiteX10" fmla="*/ 8502515 w 12396964"/>
              <a:gd name="connsiteY10" fmla="*/ 2417111 h 5804284"/>
              <a:gd name="connsiteX11" fmla="*/ 9795111 w 12396964"/>
              <a:gd name="connsiteY11" fmla="*/ 1516192 h 5804284"/>
              <a:gd name="connsiteX12" fmla="*/ 11122025 w 12396964"/>
              <a:gd name="connsiteY12" fmla="*/ 787802 h 5804284"/>
              <a:gd name="connsiteX13" fmla="*/ 12396964 w 12396964"/>
              <a:gd name="connsiteY13" fmla="*/ 0 h 5804284"/>
              <a:gd name="connsiteX0" fmla="*/ 12396964 w 12396964"/>
              <a:gd name="connsiteY0" fmla="*/ 0 h 5804284"/>
              <a:gd name="connsiteX1" fmla="*/ 12263906 w 12396964"/>
              <a:gd name="connsiteY1" fmla="*/ 5804284 h 5804284"/>
              <a:gd name="connsiteX2" fmla="*/ 5101 w 12396964"/>
              <a:gd name="connsiteY2" fmla="*/ 5778884 h 5804284"/>
              <a:gd name="connsiteX3" fmla="*/ 21 w 12396964"/>
              <a:gd name="connsiteY3" fmla="*/ 4153818 h 5804284"/>
              <a:gd name="connsiteX4" fmla="*/ 634687 w 12396964"/>
              <a:gd name="connsiteY4" fmla="*/ 4061465 h 5804284"/>
              <a:gd name="connsiteX5" fmla="*/ 1938691 w 12396964"/>
              <a:gd name="connsiteY5" fmla="*/ 3978109 h 5804284"/>
              <a:gd name="connsiteX6" fmla="*/ 3270526 w 12396964"/>
              <a:gd name="connsiteY6" fmla="*/ 3738390 h 5804284"/>
              <a:gd name="connsiteX7" fmla="*/ 4567885 w 12396964"/>
              <a:gd name="connsiteY7" fmla="*/ 3574204 h 5804284"/>
              <a:gd name="connsiteX8" fmla="*/ 5854478 w 12396964"/>
              <a:gd name="connsiteY8" fmla="*/ 3496720 h 5804284"/>
              <a:gd name="connsiteX9" fmla="*/ 7189472 w 12396964"/>
              <a:gd name="connsiteY9" fmla="*/ 3078073 h 5804284"/>
              <a:gd name="connsiteX10" fmla="*/ 8502515 w 12396964"/>
              <a:gd name="connsiteY10" fmla="*/ 2417111 h 5804284"/>
              <a:gd name="connsiteX11" fmla="*/ 9795111 w 12396964"/>
              <a:gd name="connsiteY11" fmla="*/ 1516192 h 5804284"/>
              <a:gd name="connsiteX12" fmla="*/ 11122025 w 12396964"/>
              <a:gd name="connsiteY12" fmla="*/ 787802 h 5804284"/>
              <a:gd name="connsiteX13" fmla="*/ 12396964 w 12396964"/>
              <a:gd name="connsiteY13" fmla="*/ 0 h 5804284"/>
              <a:gd name="connsiteX0" fmla="*/ 12396964 w 12396964"/>
              <a:gd name="connsiteY0" fmla="*/ 0 h 5804284"/>
              <a:gd name="connsiteX1" fmla="*/ 12263906 w 12396964"/>
              <a:gd name="connsiteY1" fmla="*/ 5804284 h 5804284"/>
              <a:gd name="connsiteX2" fmla="*/ 5101 w 12396964"/>
              <a:gd name="connsiteY2" fmla="*/ 5778884 h 5804284"/>
              <a:gd name="connsiteX3" fmla="*/ 21 w 12396964"/>
              <a:gd name="connsiteY3" fmla="*/ 4153818 h 5804284"/>
              <a:gd name="connsiteX4" fmla="*/ 634687 w 12396964"/>
              <a:gd name="connsiteY4" fmla="*/ 4061465 h 5804284"/>
              <a:gd name="connsiteX5" fmla="*/ 1938691 w 12396964"/>
              <a:gd name="connsiteY5" fmla="*/ 3978109 h 5804284"/>
              <a:gd name="connsiteX6" fmla="*/ 3270526 w 12396964"/>
              <a:gd name="connsiteY6" fmla="*/ 3738390 h 5804284"/>
              <a:gd name="connsiteX7" fmla="*/ 4567885 w 12396964"/>
              <a:gd name="connsiteY7" fmla="*/ 3574204 h 5804284"/>
              <a:gd name="connsiteX8" fmla="*/ 5854478 w 12396964"/>
              <a:gd name="connsiteY8" fmla="*/ 3496720 h 5804284"/>
              <a:gd name="connsiteX9" fmla="*/ 7189472 w 12396964"/>
              <a:gd name="connsiteY9" fmla="*/ 3078073 h 5804284"/>
              <a:gd name="connsiteX10" fmla="*/ 8502515 w 12396964"/>
              <a:gd name="connsiteY10" fmla="*/ 2417111 h 5804284"/>
              <a:gd name="connsiteX11" fmla="*/ 9795111 w 12396964"/>
              <a:gd name="connsiteY11" fmla="*/ 1516192 h 5804284"/>
              <a:gd name="connsiteX12" fmla="*/ 11122025 w 12396964"/>
              <a:gd name="connsiteY12" fmla="*/ 787802 h 5804284"/>
              <a:gd name="connsiteX13" fmla="*/ 12396964 w 12396964"/>
              <a:gd name="connsiteY13" fmla="*/ 0 h 5804284"/>
              <a:gd name="connsiteX0" fmla="*/ 12396964 w 12396964"/>
              <a:gd name="connsiteY0" fmla="*/ 0 h 5804284"/>
              <a:gd name="connsiteX1" fmla="*/ 12263906 w 12396964"/>
              <a:gd name="connsiteY1" fmla="*/ 5804284 h 5804284"/>
              <a:gd name="connsiteX2" fmla="*/ 5101 w 12396964"/>
              <a:gd name="connsiteY2" fmla="*/ 5778884 h 5804284"/>
              <a:gd name="connsiteX3" fmla="*/ 21 w 12396964"/>
              <a:gd name="connsiteY3" fmla="*/ 4153818 h 5804284"/>
              <a:gd name="connsiteX4" fmla="*/ 634687 w 12396964"/>
              <a:gd name="connsiteY4" fmla="*/ 4061465 h 5804284"/>
              <a:gd name="connsiteX5" fmla="*/ 1938691 w 12396964"/>
              <a:gd name="connsiteY5" fmla="*/ 3978109 h 5804284"/>
              <a:gd name="connsiteX6" fmla="*/ 3270526 w 12396964"/>
              <a:gd name="connsiteY6" fmla="*/ 3738390 h 5804284"/>
              <a:gd name="connsiteX7" fmla="*/ 4567885 w 12396964"/>
              <a:gd name="connsiteY7" fmla="*/ 3574204 h 5804284"/>
              <a:gd name="connsiteX8" fmla="*/ 5854478 w 12396964"/>
              <a:gd name="connsiteY8" fmla="*/ 3496720 h 5804284"/>
              <a:gd name="connsiteX9" fmla="*/ 7189472 w 12396964"/>
              <a:gd name="connsiteY9" fmla="*/ 3078073 h 5804284"/>
              <a:gd name="connsiteX10" fmla="*/ 8502515 w 12396964"/>
              <a:gd name="connsiteY10" fmla="*/ 2417111 h 5804284"/>
              <a:gd name="connsiteX11" fmla="*/ 9795111 w 12396964"/>
              <a:gd name="connsiteY11" fmla="*/ 1516192 h 5804284"/>
              <a:gd name="connsiteX12" fmla="*/ 11122025 w 12396964"/>
              <a:gd name="connsiteY12" fmla="*/ 787802 h 5804284"/>
              <a:gd name="connsiteX13" fmla="*/ 12396964 w 12396964"/>
              <a:gd name="connsiteY13" fmla="*/ 0 h 5804284"/>
              <a:gd name="connsiteX0" fmla="*/ 12396964 w 12396964"/>
              <a:gd name="connsiteY0" fmla="*/ 0 h 5804284"/>
              <a:gd name="connsiteX1" fmla="*/ 12263906 w 12396964"/>
              <a:gd name="connsiteY1" fmla="*/ 5804284 h 5804284"/>
              <a:gd name="connsiteX2" fmla="*/ 5101 w 12396964"/>
              <a:gd name="connsiteY2" fmla="*/ 5778884 h 5804284"/>
              <a:gd name="connsiteX3" fmla="*/ 21 w 12396964"/>
              <a:gd name="connsiteY3" fmla="*/ 4153818 h 5804284"/>
              <a:gd name="connsiteX4" fmla="*/ 634687 w 12396964"/>
              <a:gd name="connsiteY4" fmla="*/ 4061465 h 5804284"/>
              <a:gd name="connsiteX5" fmla="*/ 1938691 w 12396964"/>
              <a:gd name="connsiteY5" fmla="*/ 3978109 h 5804284"/>
              <a:gd name="connsiteX6" fmla="*/ 3270526 w 12396964"/>
              <a:gd name="connsiteY6" fmla="*/ 3738390 h 5804284"/>
              <a:gd name="connsiteX7" fmla="*/ 4567885 w 12396964"/>
              <a:gd name="connsiteY7" fmla="*/ 3574204 h 5804284"/>
              <a:gd name="connsiteX8" fmla="*/ 5854478 w 12396964"/>
              <a:gd name="connsiteY8" fmla="*/ 3496720 h 5804284"/>
              <a:gd name="connsiteX9" fmla="*/ 7189472 w 12396964"/>
              <a:gd name="connsiteY9" fmla="*/ 3078073 h 5804284"/>
              <a:gd name="connsiteX10" fmla="*/ 8502515 w 12396964"/>
              <a:gd name="connsiteY10" fmla="*/ 2417111 h 5804284"/>
              <a:gd name="connsiteX11" fmla="*/ 9795111 w 12396964"/>
              <a:gd name="connsiteY11" fmla="*/ 1516192 h 5804284"/>
              <a:gd name="connsiteX12" fmla="*/ 11122025 w 12396964"/>
              <a:gd name="connsiteY12" fmla="*/ 787802 h 5804284"/>
              <a:gd name="connsiteX13" fmla="*/ 12396964 w 12396964"/>
              <a:gd name="connsiteY13" fmla="*/ 0 h 580428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2396964" h="5804284">
                <a:moveTo>
                  <a:pt x="12396964" y="0"/>
                </a:moveTo>
                <a:cubicBezTo>
                  <a:pt x="12392805" y="2027956"/>
                  <a:pt x="12268065" y="3776328"/>
                  <a:pt x="12263906" y="5804284"/>
                </a:cubicBezTo>
                <a:lnTo>
                  <a:pt x="5101" y="5778884"/>
                </a:lnTo>
                <a:cubicBezTo>
                  <a:pt x="5524" y="5264712"/>
                  <a:pt x="-402" y="4667990"/>
                  <a:pt x="21" y="4153818"/>
                </a:cubicBezTo>
                <a:cubicBezTo>
                  <a:pt x="116757" y="4120866"/>
                  <a:pt x="196739" y="4099336"/>
                  <a:pt x="634687" y="4061465"/>
                </a:cubicBezTo>
                <a:cubicBezTo>
                  <a:pt x="956725" y="4030034"/>
                  <a:pt x="1499385" y="4031955"/>
                  <a:pt x="1938691" y="3978109"/>
                </a:cubicBezTo>
                <a:cubicBezTo>
                  <a:pt x="2377997" y="3924263"/>
                  <a:pt x="2832327" y="3805708"/>
                  <a:pt x="3270526" y="3738390"/>
                </a:cubicBezTo>
                <a:cubicBezTo>
                  <a:pt x="3708725" y="3671072"/>
                  <a:pt x="4137226" y="3614482"/>
                  <a:pt x="4567885" y="3574204"/>
                </a:cubicBezTo>
                <a:cubicBezTo>
                  <a:pt x="4998544" y="3533926"/>
                  <a:pt x="5417547" y="3579409"/>
                  <a:pt x="5854478" y="3496720"/>
                </a:cubicBezTo>
                <a:cubicBezTo>
                  <a:pt x="6291409" y="3414032"/>
                  <a:pt x="6748133" y="3258008"/>
                  <a:pt x="7189472" y="3078073"/>
                </a:cubicBezTo>
                <a:cubicBezTo>
                  <a:pt x="7630812" y="2898138"/>
                  <a:pt x="8068242" y="2677424"/>
                  <a:pt x="8502515" y="2417111"/>
                </a:cubicBezTo>
                <a:cubicBezTo>
                  <a:pt x="8936788" y="2156798"/>
                  <a:pt x="9100865" y="1987528"/>
                  <a:pt x="9795111" y="1516192"/>
                </a:cubicBezTo>
                <a:cubicBezTo>
                  <a:pt x="10422599" y="1117652"/>
                  <a:pt x="10273466" y="1243982"/>
                  <a:pt x="11122025" y="787802"/>
                </a:cubicBezTo>
                <a:cubicBezTo>
                  <a:pt x="11894735" y="289751"/>
                  <a:pt x="11357480" y="623798"/>
                  <a:pt x="12396964" y="0"/>
                </a:cubicBezTo>
                <a:close/>
              </a:path>
            </a:pathLst>
          </a:custGeom>
          <a:solidFill>
            <a:srgbClr val="BFDCEC"/>
          </a:solidFill>
          <a:ln w="12763" cap="flat">
            <a:noFill/>
            <a:prstDash val="solid"/>
            <a:miter/>
          </a:ln>
        </p:spPr>
        <p:txBody>
          <a:bodyPr rtlCol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36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aphicFrame>
        <p:nvGraphicFramePr>
          <p:cNvPr id="31" name="Chart 30">
            <a:extLst>
              <a:ext uri="{FF2B5EF4-FFF2-40B4-BE49-F238E27FC236}">
                <a16:creationId xmlns:a16="http://schemas.microsoft.com/office/drawing/2014/main" id="{DC6FD956-34F5-1D7F-B121-045417C04B35}"/>
              </a:ext>
            </a:extLst>
          </p:cNvPr>
          <p:cNvGraphicFramePr>
            <a:graphicFrameLocks/>
          </p:cNvGraphicFramePr>
          <p:nvPr/>
        </p:nvGraphicFramePr>
        <p:xfrm>
          <a:off x="-254000" y="873777"/>
          <a:ext cx="12468808" cy="407193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  <p:grpSp>
        <p:nvGrpSpPr>
          <p:cNvPr id="45" name="Group 44">
            <a:extLst>
              <a:ext uri="{FF2B5EF4-FFF2-40B4-BE49-F238E27FC236}">
                <a16:creationId xmlns:a16="http://schemas.microsoft.com/office/drawing/2014/main" id="{8EA83B09-3CEB-4882-AA47-2BE012AACB25}"/>
              </a:ext>
            </a:extLst>
          </p:cNvPr>
          <p:cNvGrpSpPr>
            <a:grpSpLocks/>
          </p:cNvGrpSpPr>
          <p:nvPr/>
        </p:nvGrpSpPr>
        <p:grpSpPr>
          <a:xfrm>
            <a:off x="3371974" y="2378491"/>
            <a:ext cx="2258691" cy="2020974"/>
            <a:chOff x="5401581" y="1868256"/>
            <a:chExt cx="2258691" cy="2020973"/>
          </a:xfrm>
        </p:grpSpPr>
        <p:graphicFrame>
          <p:nvGraphicFramePr>
            <p:cNvPr id="26" name="Chart 25">
              <a:extLst>
                <a:ext uri="{FF2B5EF4-FFF2-40B4-BE49-F238E27FC236}">
                  <a16:creationId xmlns:a16="http://schemas.microsoft.com/office/drawing/2014/main" id="{27E5614B-A3AD-471A-BF99-E76CE4E47190}"/>
                </a:ext>
              </a:extLst>
            </p:cNvPr>
            <p:cNvGraphicFramePr>
              <a:graphicFrameLocks/>
            </p:cNvGraphicFramePr>
            <p:nvPr/>
          </p:nvGraphicFramePr>
          <p:xfrm>
            <a:off x="5401581" y="1868256"/>
            <a:ext cx="2258691" cy="2020973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6"/>
            </a:graphicData>
          </a:graphic>
        </p:graphicFrame>
        <p:graphicFrame>
          <p:nvGraphicFramePr>
            <p:cNvPr id="27" name="Chart 26">
              <a:extLst>
                <a:ext uri="{FF2B5EF4-FFF2-40B4-BE49-F238E27FC236}">
                  <a16:creationId xmlns:a16="http://schemas.microsoft.com/office/drawing/2014/main" id="{061C5E87-7B22-4921-B9E6-8FA0212E547F}"/>
                </a:ext>
              </a:extLst>
            </p:cNvPr>
            <p:cNvGraphicFramePr>
              <a:graphicFrameLocks/>
            </p:cNvGraphicFramePr>
            <p:nvPr/>
          </p:nvGraphicFramePr>
          <p:xfrm>
            <a:off x="5938384" y="2421809"/>
            <a:ext cx="1168787" cy="933012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7"/>
            </a:graphicData>
          </a:graphic>
        </p:graphicFrame>
      </p:grpSp>
      <p:graphicFrame>
        <p:nvGraphicFramePr>
          <p:cNvPr id="6" name="Object 5" hidden="1">
            <a:extLst>
              <a:ext uri="{FF2B5EF4-FFF2-40B4-BE49-F238E27FC236}">
                <a16:creationId xmlns:a16="http://schemas.microsoft.com/office/drawing/2014/main" id="{FAD2B760-C0D6-4957-B3CB-A420D2F6DE86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9" y="1589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8" imgW="286" imgH="286" progId="TCLayout.ActiveDocument.1">
                  <p:embed/>
                </p:oleObj>
              </mc:Choice>
              <mc:Fallback>
                <p:oleObj name="think-cell Slide" r:id="rId8" imgW="286" imgH="286" progId="TCLayout.ActiveDocument.1">
                  <p:embed/>
                  <p:pic>
                    <p:nvPicPr>
                      <p:cNvPr id="6" name="Object 5" hidden="1">
                        <a:extLst>
                          <a:ext uri="{FF2B5EF4-FFF2-40B4-BE49-F238E27FC236}">
                            <a16:creationId xmlns:a16="http://schemas.microsoft.com/office/drawing/2014/main" id="{FAD2B760-C0D6-4957-B3CB-A420D2F6DE8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9" y="1589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3AA7D21D-92F8-4966-A57E-9BFA99F7AB64}"/>
              </a:ext>
            </a:extLst>
          </p:cNvPr>
          <p:cNvSpPr>
            <a:spLocks/>
          </p:cNvSpPr>
          <p:nvPr>
            <p:custDataLst>
              <p:tags r:id="rId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800" b="1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  <a:sym typeface="Arial" panose="020B0604020202020204" pitchFamily="34" charset="0"/>
            </a:endParaRPr>
          </a:p>
        </p:txBody>
      </p:sp>
      <p:sp>
        <p:nvSpPr>
          <p:cNvPr id="9" name="Title 8">
            <a:extLst>
              <a:ext uri="{FF2B5EF4-FFF2-40B4-BE49-F238E27FC236}">
                <a16:creationId xmlns:a16="http://schemas.microsoft.com/office/drawing/2014/main" id="{D9EFA7AA-BE1B-A645-96E3-C313D7CF7950}"/>
              </a:ext>
            </a:extLst>
          </p:cNvPr>
          <p:cNvSpPr>
            <a:spLocks noGrp="1"/>
          </p:cNvSpPr>
          <p:nvPr>
            <p:ph type="title"/>
          </p:nvPr>
        </p:nvSpPr>
        <p:spPr>
          <a:ln w="12700">
            <a:miter lim="400000"/>
          </a:ln>
        </p:spPr>
        <p:txBody>
          <a:bodyPr vert="horz" lIns="0" tIns="0" rIns="0" bIns="0" rtlCol="0" anchor="t" anchorCtr="0">
            <a:noAutofit/>
          </a:bodyPr>
          <a:lstStyle/>
          <a:p>
            <a:pPr>
              <a:lnSpc>
                <a:spcPct val="90000"/>
              </a:lnSpc>
            </a:pPr>
            <a:r>
              <a:rPr lang="en-GB" spc="-75" dirty="0">
                <a:solidFill>
                  <a:srgbClr val="000000"/>
                </a:solidFill>
              </a:rPr>
              <a:t>From local haulier to global player</a:t>
            </a:r>
            <a:endParaRPr lang="en-DK" spc="-75" dirty="0">
              <a:solidFill>
                <a:srgbClr val="000000"/>
              </a:solidFill>
            </a:endParaRP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41AE95C-1155-4FAB-8637-A913BD41A06D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12" rtl="0" eaLnBrk="1" latinLnBrk="0" hangingPunct="1">
              <a:defRPr sz="134" kern="1200">
                <a:noFill/>
                <a:latin typeface="+mn-lt"/>
                <a:ea typeface="+mn-ea"/>
                <a:cs typeface="+mn-cs"/>
              </a:defRPr>
            </a:lvl1pPr>
            <a:lvl2pPr marL="457206" algn="l" defTabSz="914412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12" algn="l" defTabSz="914412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17" algn="l" defTabSz="914412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23" algn="l" defTabSz="914412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29" algn="l" defTabSz="914412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35" algn="l" defTabSz="914412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40" algn="l" defTabSz="914412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46" algn="l" defTabSz="914412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1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70558CD-ECD3-4615-AB2F-2E877D1CDA78}" type="datetimeFigureOut">
              <a:rPr kumimoji="0" lang="en-GB" sz="134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1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/12/2023</a:t>
            </a:fld>
            <a:endParaRPr kumimoji="0" lang="en-GB" sz="134" b="0" i="0" u="none" strike="noStrike" kern="1200" cap="none" spc="0" normalizeH="0" baseline="0" noProof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3" name="Subtitle 2">
            <a:extLst>
              <a:ext uri="{FF2B5EF4-FFF2-40B4-BE49-F238E27FC236}">
                <a16:creationId xmlns:a16="http://schemas.microsoft.com/office/drawing/2014/main" id="{EF7F8537-0DE0-1246-AA00-7EB61378F61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sz="2000" dirty="0">
                <a:solidFill>
                  <a:schemeClr val="tx1"/>
                </a:solidFill>
              </a:rPr>
              <a:t>A global network created through organic growth and M&amp;A</a:t>
            </a: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F5D88378-C035-4EFA-8D84-B78205C9A463}"/>
              </a:ext>
            </a:extLst>
          </p:cNvPr>
          <p:cNvSpPr txBox="1">
            <a:spLocks/>
          </p:cNvSpPr>
          <p:nvPr/>
        </p:nvSpPr>
        <p:spPr>
          <a:xfrm>
            <a:off x="1600911" y="4768539"/>
            <a:ext cx="538136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1997</a:t>
            </a:r>
            <a:endParaRPr kumimoji="0" lang="en-US" sz="1200" b="1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pSp>
        <p:nvGrpSpPr>
          <p:cNvPr id="106" name="Group 105">
            <a:extLst>
              <a:ext uri="{FF2B5EF4-FFF2-40B4-BE49-F238E27FC236}">
                <a16:creationId xmlns:a16="http://schemas.microsoft.com/office/drawing/2014/main" id="{36A2775F-5C35-4558-9A12-6AC3ABC9BEE2}"/>
              </a:ext>
            </a:extLst>
          </p:cNvPr>
          <p:cNvGrpSpPr>
            <a:grpSpLocks/>
          </p:cNvGrpSpPr>
          <p:nvPr/>
        </p:nvGrpSpPr>
        <p:grpSpPr>
          <a:xfrm>
            <a:off x="940698" y="1733555"/>
            <a:ext cx="3034463" cy="1886076"/>
            <a:chOff x="824456" y="1328555"/>
            <a:chExt cx="3034463" cy="1886076"/>
          </a:xfrm>
        </p:grpSpPr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99A1EF3A-327E-4404-A552-B3B859BE6D53}"/>
                </a:ext>
              </a:extLst>
            </p:cNvPr>
            <p:cNvSpPr txBox="1"/>
            <p:nvPr/>
          </p:nvSpPr>
          <p:spPr>
            <a:xfrm>
              <a:off x="824456" y="1328555"/>
              <a:ext cx="303446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2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Breakdown of EBIT by division</a:t>
              </a:r>
              <a:endParaRPr kumimoji="0" lang="en-US" sz="12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16309559-1E7D-4C20-979C-A079D9C336B4}"/>
                </a:ext>
              </a:extLst>
            </p:cNvPr>
            <p:cNvSpPr/>
            <p:nvPr/>
          </p:nvSpPr>
          <p:spPr>
            <a:xfrm>
              <a:off x="935469" y="1645501"/>
              <a:ext cx="296012" cy="146104"/>
            </a:xfrm>
            <a:prstGeom prst="rect">
              <a:avLst/>
            </a:prstGeom>
            <a:solidFill>
              <a:srgbClr val="0431A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3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C815D507-39AC-4984-8695-BED75E35CFB6}"/>
                </a:ext>
              </a:extLst>
            </p:cNvPr>
            <p:cNvSpPr/>
            <p:nvPr/>
          </p:nvSpPr>
          <p:spPr>
            <a:xfrm>
              <a:off x="935469" y="1828131"/>
              <a:ext cx="296012" cy="146104"/>
            </a:xfrm>
            <a:prstGeom prst="rect">
              <a:avLst/>
            </a:prstGeom>
            <a:solidFill>
              <a:srgbClr val="0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3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474C4BDA-D8FD-4B4A-9BB0-5C58E9A500FD}"/>
                </a:ext>
              </a:extLst>
            </p:cNvPr>
            <p:cNvSpPr/>
            <p:nvPr/>
          </p:nvSpPr>
          <p:spPr>
            <a:xfrm>
              <a:off x="935469" y="2010762"/>
              <a:ext cx="296012" cy="146104"/>
            </a:xfrm>
            <a:prstGeom prst="rect">
              <a:avLst/>
            </a:prstGeom>
            <a:solidFill>
              <a:srgbClr val="4B87E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3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D03A4366-3196-483A-93A0-15D1253371F2}"/>
                </a:ext>
              </a:extLst>
            </p:cNvPr>
            <p:cNvSpPr txBox="1"/>
            <p:nvPr/>
          </p:nvSpPr>
          <p:spPr>
            <a:xfrm>
              <a:off x="1283083" y="1593792"/>
              <a:ext cx="924135" cy="230832"/>
            </a:xfrm>
            <a:prstGeom prst="rect">
              <a:avLst/>
            </a:prstGeom>
            <a:noFill/>
          </p:spPr>
          <p:txBody>
            <a:bodyPr wrap="square" rtlCol="0" anchor="ctr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9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Air &amp; Sea</a:t>
              </a:r>
              <a:endPara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1A987AA9-045B-40FC-9532-55E53A4131A1}"/>
                </a:ext>
              </a:extLst>
            </p:cNvPr>
            <p:cNvSpPr txBox="1"/>
            <p:nvPr/>
          </p:nvSpPr>
          <p:spPr>
            <a:xfrm>
              <a:off x="1283083" y="1779172"/>
              <a:ext cx="924135" cy="230832"/>
            </a:xfrm>
            <a:prstGeom prst="rect">
              <a:avLst/>
            </a:prstGeom>
            <a:noFill/>
          </p:spPr>
          <p:txBody>
            <a:bodyPr wrap="square" rtlCol="0" anchor="ctr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9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Road</a:t>
              </a:r>
              <a:endPara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62FFCCC3-B07A-44F5-9097-FF7B07135EEE}"/>
                </a:ext>
              </a:extLst>
            </p:cNvPr>
            <p:cNvSpPr txBox="1"/>
            <p:nvPr/>
          </p:nvSpPr>
          <p:spPr>
            <a:xfrm>
              <a:off x="1283083" y="1966565"/>
              <a:ext cx="924135" cy="230832"/>
            </a:xfrm>
            <a:prstGeom prst="rect">
              <a:avLst/>
            </a:prstGeom>
            <a:noFill/>
          </p:spPr>
          <p:txBody>
            <a:bodyPr wrap="square" rtlCol="0" anchor="ctr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9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Solutions</a:t>
              </a:r>
              <a:endPara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FC5019AC-93DD-49A7-892C-4C6B8199856E}"/>
                </a:ext>
              </a:extLst>
            </p:cNvPr>
            <p:cNvSpPr txBox="1"/>
            <p:nvPr/>
          </p:nvSpPr>
          <p:spPr>
            <a:xfrm>
              <a:off x="824456" y="2340094"/>
              <a:ext cx="303446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Breakdown of EBIT by geography</a:t>
              </a:r>
            </a:p>
          </p:txBody>
        </p:sp>
        <p:sp>
          <p:nvSpPr>
            <p:cNvPr id="20" name="Rectangle 19">
              <a:extLst>
                <a:ext uri="{FF2B5EF4-FFF2-40B4-BE49-F238E27FC236}">
                  <a16:creationId xmlns:a16="http://schemas.microsoft.com/office/drawing/2014/main" id="{58A7F8BD-6DC4-4116-A660-2089C3031066}"/>
                </a:ext>
              </a:extLst>
            </p:cNvPr>
            <p:cNvSpPr/>
            <p:nvPr/>
          </p:nvSpPr>
          <p:spPr>
            <a:xfrm>
              <a:off x="935469" y="2657040"/>
              <a:ext cx="296012" cy="146104"/>
            </a:xfrm>
            <a:prstGeom prst="rect">
              <a:avLst/>
            </a:prstGeom>
            <a:solidFill>
              <a:srgbClr val="19904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3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36D189FB-72AF-4C89-ACE7-AC004182CC71}"/>
                </a:ext>
              </a:extLst>
            </p:cNvPr>
            <p:cNvSpPr/>
            <p:nvPr/>
          </p:nvSpPr>
          <p:spPr>
            <a:xfrm>
              <a:off x="935469" y="2839671"/>
              <a:ext cx="296012" cy="146104"/>
            </a:xfrm>
            <a:prstGeom prst="rect">
              <a:avLst/>
            </a:prstGeom>
            <a:solidFill>
              <a:srgbClr val="E1873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3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D0E12741-B64F-4D4B-B06B-0355B1A483E6}"/>
                </a:ext>
              </a:extLst>
            </p:cNvPr>
            <p:cNvSpPr txBox="1"/>
            <p:nvPr/>
          </p:nvSpPr>
          <p:spPr>
            <a:xfrm>
              <a:off x="1270913" y="2605492"/>
              <a:ext cx="924135" cy="2308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9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EMEA</a:t>
              </a:r>
              <a:endParaRPr kumimoji="0" lang="en-US" sz="9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3" name="TextBox 22">
              <a:extLst>
                <a:ext uri="{FF2B5EF4-FFF2-40B4-BE49-F238E27FC236}">
                  <a16:creationId xmlns:a16="http://schemas.microsoft.com/office/drawing/2014/main" id="{E57EA44B-32C8-48D7-A1B0-AB699A108BA2}"/>
                </a:ext>
              </a:extLst>
            </p:cNvPr>
            <p:cNvSpPr txBox="1"/>
            <p:nvPr/>
          </p:nvSpPr>
          <p:spPr>
            <a:xfrm>
              <a:off x="1270913" y="2795633"/>
              <a:ext cx="924135" cy="2308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Americas</a:t>
              </a:r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FE9EB356-E95C-4523-98C2-CC7032698C89}"/>
                </a:ext>
              </a:extLst>
            </p:cNvPr>
            <p:cNvSpPr/>
            <p:nvPr/>
          </p:nvSpPr>
          <p:spPr>
            <a:xfrm>
              <a:off x="935469" y="3027836"/>
              <a:ext cx="296012" cy="146104"/>
            </a:xfrm>
            <a:prstGeom prst="rect">
              <a:avLst/>
            </a:prstGeom>
            <a:solidFill>
              <a:srgbClr val="FFE68B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3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9F680AD6-8719-45C2-B69D-E2BE67CF99C0}"/>
                </a:ext>
              </a:extLst>
            </p:cNvPr>
            <p:cNvSpPr txBox="1"/>
            <p:nvPr/>
          </p:nvSpPr>
          <p:spPr>
            <a:xfrm>
              <a:off x="1270913" y="2983799"/>
              <a:ext cx="924135" cy="2308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9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APAC</a:t>
              </a:r>
              <a:endParaRPr kumimoji="0" lang="en-US" sz="9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sp>
        <p:nvSpPr>
          <p:cNvPr id="41" name="TextBox 40">
            <a:extLst>
              <a:ext uri="{FF2B5EF4-FFF2-40B4-BE49-F238E27FC236}">
                <a16:creationId xmlns:a16="http://schemas.microsoft.com/office/drawing/2014/main" id="{5E63E9F3-BC79-46B8-B1B4-B836FF8CFDDB}"/>
              </a:ext>
            </a:extLst>
          </p:cNvPr>
          <p:cNvSpPr txBox="1">
            <a:spLocks/>
          </p:cNvSpPr>
          <p:nvPr/>
        </p:nvSpPr>
        <p:spPr>
          <a:xfrm>
            <a:off x="95860" y="4854141"/>
            <a:ext cx="91995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1976</a:t>
            </a:r>
            <a:endParaRPr kumimoji="0" lang="en-US" sz="1200" b="1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49" name="TextBox 48">
            <a:extLst>
              <a:ext uri="{FF2B5EF4-FFF2-40B4-BE49-F238E27FC236}">
                <a16:creationId xmlns:a16="http://schemas.microsoft.com/office/drawing/2014/main" id="{AD0F1424-503A-41F6-A722-BE099E2F33FC}"/>
              </a:ext>
            </a:extLst>
          </p:cNvPr>
          <p:cNvSpPr txBox="1">
            <a:spLocks/>
          </p:cNvSpPr>
          <p:nvPr/>
        </p:nvSpPr>
        <p:spPr>
          <a:xfrm>
            <a:off x="2913633" y="4539911"/>
            <a:ext cx="523287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2000</a:t>
            </a:r>
            <a:endParaRPr kumimoji="0" lang="en-US" sz="1200" b="1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88" name="Straight Connector 87">
            <a:extLst>
              <a:ext uri="{FF2B5EF4-FFF2-40B4-BE49-F238E27FC236}">
                <a16:creationId xmlns:a16="http://schemas.microsoft.com/office/drawing/2014/main" id="{64B6533E-9F12-4D00-9835-CD06B7518AAD}"/>
              </a:ext>
            </a:extLst>
          </p:cNvPr>
          <p:cNvCxnSpPr>
            <a:cxnSpLocks/>
          </p:cNvCxnSpPr>
          <p:nvPr/>
        </p:nvCxnSpPr>
        <p:spPr>
          <a:xfrm>
            <a:off x="3181172" y="4887090"/>
            <a:ext cx="0" cy="1542651"/>
          </a:xfrm>
          <a:prstGeom prst="line">
            <a:avLst/>
          </a:prstGeom>
          <a:ln w="3175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TextBox 51">
            <a:extLst>
              <a:ext uri="{FF2B5EF4-FFF2-40B4-BE49-F238E27FC236}">
                <a16:creationId xmlns:a16="http://schemas.microsoft.com/office/drawing/2014/main" id="{8FA5092F-C2A4-41C5-B5A7-75D636E22584}"/>
              </a:ext>
            </a:extLst>
          </p:cNvPr>
          <p:cNvSpPr txBox="1">
            <a:spLocks/>
          </p:cNvSpPr>
          <p:nvPr/>
        </p:nvSpPr>
        <p:spPr>
          <a:xfrm>
            <a:off x="6700350" y="3878789"/>
            <a:ext cx="83583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2016</a:t>
            </a:r>
            <a:endParaRPr kumimoji="0" lang="en-US" sz="1200" b="1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89" name="Straight Connector 88">
            <a:extLst>
              <a:ext uri="{FF2B5EF4-FFF2-40B4-BE49-F238E27FC236}">
                <a16:creationId xmlns:a16="http://schemas.microsoft.com/office/drawing/2014/main" id="{08F79004-48F0-48C7-BEB0-EA3119221ED3}"/>
              </a:ext>
            </a:extLst>
          </p:cNvPr>
          <p:cNvCxnSpPr>
            <a:cxnSpLocks/>
          </p:cNvCxnSpPr>
          <p:nvPr/>
        </p:nvCxnSpPr>
        <p:spPr>
          <a:xfrm>
            <a:off x="7113435" y="4224927"/>
            <a:ext cx="0" cy="2205000"/>
          </a:xfrm>
          <a:prstGeom prst="line">
            <a:avLst/>
          </a:prstGeom>
          <a:ln w="3175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TextBox 38">
            <a:extLst>
              <a:ext uri="{FF2B5EF4-FFF2-40B4-BE49-F238E27FC236}">
                <a16:creationId xmlns:a16="http://schemas.microsoft.com/office/drawing/2014/main" id="{21C68F2F-5638-420C-B29C-D633E0726FE1}"/>
              </a:ext>
            </a:extLst>
          </p:cNvPr>
          <p:cNvSpPr txBox="1">
            <a:spLocks/>
          </p:cNvSpPr>
          <p:nvPr/>
        </p:nvSpPr>
        <p:spPr>
          <a:xfrm>
            <a:off x="5202072" y="4290452"/>
            <a:ext cx="120171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2008</a:t>
            </a:r>
            <a:endParaRPr kumimoji="0" lang="en-US" sz="1200" b="1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87" name="Straight Connector 86">
            <a:extLst>
              <a:ext uri="{FF2B5EF4-FFF2-40B4-BE49-F238E27FC236}">
                <a16:creationId xmlns:a16="http://schemas.microsoft.com/office/drawing/2014/main" id="{A6207C94-A0E1-425D-A041-52513427720E}"/>
              </a:ext>
            </a:extLst>
          </p:cNvPr>
          <p:cNvCxnSpPr>
            <a:cxnSpLocks/>
          </p:cNvCxnSpPr>
          <p:nvPr/>
        </p:nvCxnSpPr>
        <p:spPr>
          <a:xfrm>
            <a:off x="5802680" y="4637030"/>
            <a:ext cx="0" cy="1791000"/>
          </a:xfrm>
          <a:prstGeom prst="line">
            <a:avLst/>
          </a:prstGeom>
          <a:ln w="3175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TextBox 49">
            <a:extLst>
              <a:ext uri="{FF2B5EF4-FFF2-40B4-BE49-F238E27FC236}">
                <a16:creationId xmlns:a16="http://schemas.microsoft.com/office/drawing/2014/main" id="{06577557-6F0A-4F00-938A-FCB5FF096A14}"/>
              </a:ext>
            </a:extLst>
          </p:cNvPr>
          <p:cNvSpPr txBox="1">
            <a:spLocks/>
          </p:cNvSpPr>
          <p:nvPr/>
        </p:nvSpPr>
        <p:spPr>
          <a:xfrm>
            <a:off x="4230018" y="4367891"/>
            <a:ext cx="530867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2006</a:t>
            </a:r>
            <a:endParaRPr kumimoji="0" lang="en-US" sz="1200" b="1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1" name="Rectangle 90">
            <a:extLst>
              <a:ext uri="{FF2B5EF4-FFF2-40B4-BE49-F238E27FC236}">
                <a16:creationId xmlns:a16="http://schemas.microsoft.com/office/drawing/2014/main" id="{4B51BD54-93FE-F04E-B8A5-E8551DCD7EAB}"/>
              </a:ext>
            </a:extLst>
          </p:cNvPr>
          <p:cNvSpPr>
            <a:spLocks/>
          </p:cNvSpPr>
          <p:nvPr/>
        </p:nvSpPr>
        <p:spPr>
          <a:xfrm>
            <a:off x="298712" y="2961010"/>
            <a:ext cx="72968" cy="63639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92" name="Straight Connector 91">
            <a:extLst>
              <a:ext uri="{FF2B5EF4-FFF2-40B4-BE49-F238E27FC236}">
                <a16:creationId xmlns:a16="http://schemas.microsoft.com/office/drawing/2014/main" id="{50C90926-1793-441C-83B9-90C96DC4E71C}"/>
              </a:ext>
            </a:extLst>
          </p:cNvPr>
          <p:cNvCxnSpPr>
            <a:cxnSpLocks/>
          </p:cNvCxnSpPr>
          <p:nvPr/>
        </p:nvCxnSpPr>
        <p:spPr>
          <a:xfrm>
            <a:off x="8424188" y="3556467"/>
            <a:ext cx="0" cy="2872800"/>
          </a:xfrm>
          <a:prstGeom prst="line">
            <a:avLst/>
          </a:prstGeom>
          <a:ln w="3175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" name="TextBox 93">
            <a:extLst>
              <a:ext uri="{FF2B5EF4-FFF2-40B4-BE49-F238E27FC236}">
                <a16:creationId xmlns:a16="http://schemas.microsoft.com/office/drawing/2014/main" id="{D0AC3C53-9B78-40F9-924C-52E9F433563F}"/>
              </a:ext>
            </a:extLst>
          </p:cNvPr>
          <p:cNvSpPr txBox="1">
            <a:spLocks/>
          </p:cNvSpPr>
          <p:nvPr/>
        </p:nvSpPr>
        <p:spPr>
          <a:xfrm>
            <a:off x="8004874" y="3211752"/>
            <a:ext cx="841759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2020</a:t>
            </a:r>
            <a:endParaRPr kumimoji="0" lang="en-US" sz="1200" b="1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78" name="Straight Connector 77">
            <a:extLst>
              <a:ext uri="{FF2B5EF4-FFF2-40B4-BE49-F238E27FC236}">
                <a16:creationId xmlns:a16="http://schemas.microsoft.com/office/drawing/2014/main" id="{2E856AEB-3267-4952-865C-58A9D03757D9}"/>
              </a:ext>
            </a:extLst>
          </p:cNvPr>
          <p:cNvCxnSpPr>
            <a:cxnSpLocks/>
          </p:cNvCxnSpPr>
          <p:nvPr/>
        </p:nvCxnSpPr>
        <p:spPr>
          <a:xfrm>
            <a:off x="9734943" y="2648082"/>
            <a:ext cx="0" cy="3780000"/>
          </a:xfrm>
          <a:prstGeom prst="line">
            <a:avLst/>
          </a:prstGeom>
          <a:ln w="3175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9" name="TextBox 78">
            <a:extLst>
              <a:ext uri="{FF2B5EF4-FFF2-40B4-BE49-F238E27FC236}">
                <a16:creationId xmlns:a16="http://schemas.microsoft.com/office/drawing/2014/main" id="{F87F9DDA-E083-4F6B-8505-8475CF55A93D}"/>
              </a:ext>
            </a:extLst>
          </p:cNvPr>
          <p:cNvSpPr txBox="1">
            <a:spLocks/>
          </p:cNvSpPr>
          <p:nvPr/>
        </p:nvSpPr>
        <p:spPr>
          <a:xfrm>
            <a:off x="9317421" y="2304362"/>
            <a:ext cx="841759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2021</a:t>
            </a:r>
            <a:endParaRPr kumimoji="0" lang="en-US" sz="1200" b="1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118" name="Straight Connector 117">
            <a:extLst>
              <a:ext uri="{FF2B5EF4-FFF2-40B4-BE49-F238E27FC236}">
                <a16:creationId xmlns:a16="http://schemas.microsoft.com/office/drawing/2014/main" id="{55446068-096E-4226-8073-9A08C6BC63F6}"/>
              </a:ext>
            </a:extLst>
          </p:cNvPr>
          <p:cNvCxnSpPr>
            <a:cxnSpLocks/>
          </p:cNvCxnSpPr>
          <p:nvPr/>
        </p:nvCxnSpPr>
        <p:spPr>
          <a:xfrm>
            <a:off x="553744" y="5198968"/>
            <a:ext cx="0" cy="1229400"/>
          </a:xfrm>
          <a:prstGeom prst="line">
            <a:avLst/>
          </a:prstGeom>
          <a:ln w="3175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6" name="TextBox 75">
            <a:extLst>
              <a:ext uri="{FF2B5EF4-FFF2-40B4-BE49-F238E27FC236}">
                <a16:creationId xmlns:a16="http://schemas.microsoft.com/office/drawing/2014/main" id="{44D962FD-D38C-45F5-8133-BDDAC0B1D901}"/>
              </a:ext>
            </a:extLst>
          </p:cNvPr>
          <p:cNvSpPr txBox="1">
            <a:spLocks/>
          </p:cNvSpPr>
          <p:nvPr/>
        </p:nvSpPr>
        <p:spPr>
          <a:xfrm>
            <a:off x="10624946" y="1573400"/>
            <a:ext cx="841759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2022</a:t>
            </a:r>
            <a:endParaRPr kumimoji="0" lang="en-US" sz="1200" b="1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124" name="Straight Connector 123">
            <a:extLst>
              <a:ext uri="{FF2B5EF4-FFF2-40B4-BE49-F238E27FC236}">
                <a16:creationId xmlns:a16="http://schemas.microsoft.com/office/drawing/2014/main" id="{674F7CE2-3EEC-4046-BB99-F42BCEE65137}"/>
              </a:ext>
            </a:extLst>
          </p:cNvPr>
          <p:cNvCxnSpPr>
            <a:cxnSpLocks/>
          </p:cNvCxnSpPr>
          <p:nvPr/>
        </p:nvCxnSpPr>
        <p:spPr>
          <a:xfrm>
            <a:off x="11045698" y="1920212"/>
            <a:ext cx="0" cy="4518000"/>
          </a:xfrm>
          <a:prstGeom prst="line">
            <a:avLst/>
          </a:prstGeom>
          <a:ln w="3175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" name="Straight Connector 128">
            <a:extLst>
              <a:ext uri="{FF2B5EF4-FFF2-40B4-BE49-F238E27FC236}">
                <a16:creationId xmlns:a16="http://schemas.microsoft.com/office/drawing/2014/main" id="{E6D970FA-0FB0-45D4-B8D7-2661861742F9}"/>
              </a:ext>
            </a:extLst>
          </p:cNvPr>
          <p:cNvCxnSpPr>
            <a:cxnSpLocks/>
          </p:cNvCxnSpPr>
          <p:nvPr/>
        </p:nvCxnSpPr>
        <p:spPr>
          <a:xfrm>
            <a:off x="4491927" y="4713956"/>
            <a:ext cx="0" cy="1717200"/>
          </a:xfrm>
          <a:prstGeom prst="line">
            <a:avLst/>
          </a:prstGeom>
          <a:ln w="3175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Straight Connector 137">
            <a:extLst>
              <a:ext uri="{FF2B5EF4-FFF2-40B4-BE49-F238E27FC236}">
                <a16:creationId xmlns:a16="http://schemas.microsoft.com/office/drawing/2014/main" id="{543492A2-B281-4E58-B739-FF044412550D}"/>
              </a:ext>
            </a:extLst>
          </p:cNvPr>
          <p:cNvCxnSpPr>
            <a:cxnSpLocks/>
          </p:cNvCxnSpPr>
          <p:nvPr/>
        </p:nvCxnSpPr>
        <p:spPr>
          <a:xfrm>
            <a:off x="1870522" y="5115062"/>
            <a:ext cx="0" cy="1314000"/>
          </a:xfrm>
          <a:prstGeom prst="line">
            <a:avLst/>
          </a:prstGeom>
          <a:ln w="3175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TextBox 47">
            <a:extLst>
              <a:ext uri="{FF2B5EF4-FFF2-40B4-BE49-F238E27FC236}">
                <a16:creationId xmlns:a16="http://schemas.microsoft.com/office/drawing/2014/main" id="{4C7E024A-8AC1-4163-AC4C-3680A2EDFAD6}"/>
              </a:ext>
            </a:extLst>
          </p:cNvPr>
          <p:cNvSpPr txBox="1"/>
          <p:nvPr/>
        </p:nvSpPr>
        <p:spPr>
          <a:xfrm>
            <a:off x="557569" y="5969884"/>
            <a:ext cx="1311738" cy="246221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t">
            <a:spAutoFit/>
          </a:bodyPr>
          <a:lstStyle/>
          <a:p>
            <a:pPr marL="36001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srgbClr val="0431A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10 independent hauliers </a:t>
            </a: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established DSV</a:t>
            </a:r>
          </a:p>
        </p:txBody>
      </p:sp>
      <p:sp>
        <p:nvSpPr>
          <p:cNvPr id="156" name="TextBox 155">
            <a:extLst>
              <a:ext uri="{FF2B5EF4-FFF2-40B4-BE49-F238E27FC236}">
                <a16:creationId xmlns:a16="http://schemas.microsoft.com/office/drawing/2014/main" id="{B70331F8-3BA7-4831-B969-AFCD003DF22B}"/>
              </a:ext>
            </a:extLst>
          </p:cNvPr>
          <p:cNvSpPr txBox="1"/>
          <p:nvPr/>
        </p:nvSpPr>
        <p:spPr>
          <a:xfrm>
            <a:off x="1875257" y="5969003"/>
            <a:ext cx="1311738" cy="246221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t">
            <a:spAutoFit/>
          </a:bodyPr>
          <a:lstStyle/>
          <a:p>
            <a:pPr marL="36001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SV acquired </a:t>
            </a: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srgbClr val="0431A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amson Transport </a:t>
            </a:r>
          </a:p>
        </p:txBody>
      </p:sp>
      <p:sp>
        <p:nvSpPr>
          <p:cNvPr id="160" name="TextBox 159">
            <a:extLst>
              <a:ext uri="{FF2B5EF4-FFF2-40B4-BE49-F238E27FC236}">
                <a16:creationId xmlns:a16="http://schemas.microsoft.com/office/drawing/2014/main" id="{EA29F2FB-659F-40C9-8126-7DA4DA39B29C}"/>
              </a:ext>
            </a:extLst>
          </p:cNvPr>
          <p:cNvSpPr txBox="1"/>
          <p:nvPr/>
        </p:nvSpPr>
        <p:spPr>
          <a:xfrm>
            <a:off x="3186472" y="5967243"/>
            <a:ext cx="1311738" cy="246221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t">
            <a:spAutoFit/>
          </a:bodyPr>
          <a:lstStyle/>
          <a:p>
            <a:pPr marL="36001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SV acquired </a:t>
            </a: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srgbClr val="0431A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FDS Dan Transport Group</a:t>
            </a:r>
          </a:p>
        </p:txBody>
      </p:sp>
      <p:sp>
        <p:nvSpPr>
          <p:cNvPr id="162" name="TextBox 161">
            <a:extLst>
              <a:ext uri="{FF2B5EF4-FFF2-40B4-BE49-F238E27FC236}">
                <a16:creationId xmlns:a16="http://schemas.microsoft.com/office/drawing/2014/main" id="{6CB958DC-8523-4CEC-8705-100F48446870}"/>
              </a:ext>
            </a:extLst>
          </p:cNvPr>
          <p:cNvSpPr txBox="1"/>
          <p:nvPr/>
        </p:nvSpPr>
        <p:spPr>
          <a:xfrm>
            <a:off x="4494572" y="5968124"/>
            <a:ext cx="1311738" cy="246221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t">
            <a:spAutoFit/>
          </a:bodyPr>
          <a:lstStyle/>
          <a:p>
            <a:pPr marL="36001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SV acquired </a:t>
            </a:r>
            <a:b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</a:br>
            <a:r>
              <a:rPr kumimoji="0" lang="en-US" sz="800" b="1" i="0" u="none" strike="noStrike" kern="1200" cap="none" spc="0" normalizeH="0" baseline="0" noProof="0" dirty="0">
                <a:ln>
                  <a:noFill/>
                </a:ln>
                <a:solidFill>
                  <a:srgbClr val="0431A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rans Maas</a:t>
            </a:r>
          </a:p>
        </p:txBody>
      </p:sp>
      <p:sp>
        <p:nvSpPr>
          <p:cNvPr id="164" name="TextBox 163">
            <a:extLst>
              <a:ext uri="{FF2B5EF4-FFF2-40B4-BE49-F238E27FC236}">
                <a16:creationId xmlns:a16="http://schemas.microsoft.com/office/drawing/2014/main" id="{E2926B56-236F-4F23-ACDB-9A0D5B7C6A68}"/>
              </a:ext>
            </a:extLst>
          </p:cNvPr>
          <p:cNvSpPr txBox="1"/>
          <p:nvPr/>
        </p:nvSpPr>
        <p:spPr>
          <a:xfrm>
            <a:off x="5809022" y="5962840"/>
            <a:ext cx="1311738" cy="246221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t">
            <a:spAutoFit/>
          </a:bodyPr>
          <a:lstStyle/>
          <a:p>
            <a:pPr marL="36001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SV acquired </a:t>
            </a: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srgbClr val="0431A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BX LOGISTICS</a:t>
            </a:r>
          </a:p>
        </p:txBody>
      </p:sp>
      <p:sp>
        <p:nvSpPr>
          <p:cNvPr id="165" name="TextBox 164">
            <a:extLst>
              <a:ext uri="{FF2B5EF4-FFF2-40B4-BE49-F238E27FC236}">
                <a16:creationId xmlns:a16="http://schemas.microsoft.com/office/drawing/2014/main" id="{A511256C-CBF0-4D5E-925C-45D1675E3207}"/>
              </a:ext>
            </a:extLst>
          </p:cNvPr>
          <p:cNvSpPr txBox="1"/>
          <p:nvPr/>
        </p:nvSpPr>
        <p:spPr>
          <a:xfrm>
            <a:off x="7117122" y="5963720"/>
            <a:ext cx="1311738" cy="246221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t">
            <a:spAutoFit/>
          </a:bodyPr>
          <a:lstStyle/>
          <a:p>
            <a:pPr marL="36001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SV acquired </a:t>
            </a: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srgbClr val="0431A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UTi Worldwide </a:t>
            </a:r>
          </a:p>
        </p:txBody>
      </p:sp>
      <p:sp>
        <p:nvSpPr>
          <p:cNvPr id="166" name="TextBox 165">
            <a:extLst>
              <a:ext uri="{FF2B5EF4-FFF2-40B4-BE49-F238E27FC236}">
                <a16:creationId xmlns:a16="http://schemas.microsoft.com/office/drawing/2014/main" id="{303614FF-BA8F-41B4-B3CB-8E5CDEAE268C}"/>
              </a:ext>
            </a:extLst>
          </p:cNvPr>
          <p:cNvSpPr txBox="1"/>
          <p:nvPr/>
        </p:nvSpPr>
        <p:spPr>
          <a:xfrm>
            <a:off x="8425222" y="5964602"/>
            <a:ext cx="1311738" cy="246221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t">
            <a:spAutoFit/>
          </a:bodyPr>
          <a:lstStyle/>
          <a:p>
            <a:pPr marL="36001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n 2019, DSV acquired </a:t>
            </a:r>
            <a:r>
              <a:rPr kumimoji="0" lang="it-IT" sz="800" b="1" i="0" u="none" strike="noStrike" kern="1200" cap="none" spc="0" normalizeH="0" baseline="0" noProof="0">
                <a:ln>
                  <a:noFill/>
                </a:ln>
                <a:solidFill>
                  <a:srgbClr val="0431A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Panalpina</a:t>
            </a:r>
          </a:p>
        </p:txBody>
      </p:sp>
      <p:sp>
        <p:nvSpPr>
          <p:cNvPr id="167" name="TextBox 166">
            <a:extLst>
              <a:ext uri="{FF2B5EF4-FFF2-40B4-BE49-F238E27FC236}">
                <a16:creationId xmlns:a16="http://schemas.microsoft.com/office/drawing/2014/main" id="{A8B7FEDC-4B51-4A8A-855D-6C76F70C2434}"/>
              </a:ext>
            </a:extLst>
          </p:cNvPr>
          <p:cNvSpPr txBox="1"/>
          <p:nvPr/>
        </p:nvSpPr>
        <p:spPr>
          <a:xfrm>
            <a:off x="9739672" y="5965482"/>
            <a:ext cx="1311738" cy="246221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t">
            <a:spAutoFit/>
          </a:bodyPr>
          <a:lstStyle/>
          <a:p>
            <a:pPr marL="36001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n August 2021, DSV acquired </a:t>
            </a:r>
            <a:r>
              <a:rPr kumimoji="0" lang="en-US" sz="800" b="1" i="0" u="none" strike="noStrike" kern="1200" cap="none" spc="0" normalizeH="0" baseline="0" noProof="0">
                <a:ln>
                  <a:noFill/>
                </a:ln>
                <a:solidFill>
                  <a:srgbClr val="0431A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gility GIL</a:t>
            </a: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FF801920-EBCA-6A42-F35B-05405EB87AD0}"/>
              </a:ext>
            </a:extLst>
          </p:cNvPr>
          <p:cNvGrpSpPr>
            <a:grpSpLocks/>
          </p:cNvGrpSpPr>
          <p:nvPr/>
        </p:nvGrpSpPr>
        <p:grpSpPr>
          <a:xfrm>
            <a:off x="-91912" y="3391629"/>
            <a:ext cx="1360407" cy="1594173"/>
            <a:chOff x="-100739" y="3172131"/>
            <a:chExt cx="1360407" cy="1594173"/>
          </a:xfrm>
        </p:grpSpPr>
        <p:graphicFrame>
          <p:nvGraphicFramePr>
            <p:cNvPr id="10" name="Chart 9">
              <a:extLst>
                <a:ext uri="{FF2B5EF4-FFF2-40B4-BE49-F238E27FC236}">
                  <a16:creationId xmlns:a16="http://schemas.microsoft.com/office/drawing/2014/main" id="{EFBFD2D1-3EB8-0B2A-EDE6-C73C71A51942}"/>
                </a:ext>
              </a:extLst>
            </p:cNvPr>
            <p:cNvGraphicFramePr>
              <a:graphicFrameLocks/>
            </p:cNvGraphicFramePr>
            <p:nvPr/>
          </p:nvGraphicFramePr>
          <p:xfrm>
            <a:off x="-100739" y="3172131"/>
            <a:ext cx="1360407" cy="1594173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10"/>
            </a:graphicData>
          </a:graphic>
        </p:graphicFrame>
        <p:graphicFrame>
          <p:nvGraphicFramePr>
            <p:cNvPr id="11" name="Chart 10">
              <a:extLst>
                <a:ext uri="{FF2B5EF4-FFF2-40B4-BE49-F238E27FC236}">
                  <a16:creationId xmlns:a16="http://schemas.microsoft.com/office/drawing/2014/main" id="{A80307D3-F53A-F064-160A-C0733377F87A}"/>
                </a:ext>
              </a:extLst>
            </p:cNvPr>
            <p:cNvGraphicFramePr>
              <a:graphicFrameLocks/>
            </p:cNvGraphicFramePr>
            <p:nvPr/>
          </p:nvGraphicFramePr>
          <p:xfrm>
            <a:off x="238236" y="3699663"/>
            <a:ext cx="679413" cy="555972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11"/>
            </a:graphicData>
          </a:graphic>
        </p:graphicFrame>
      </p:grpSp>
      <p:grpSp>
        <p:nvGrpSpPr>
          <p:cNvPr id="44" name="Group 43">
            <a:extLst>
              <a:ext uri="{FF2B5EF4-FFF2-40B4-BE49-F238E27FC236}">
                <a16:creationId xmlns:a16="http://schemas.microsoft.com/office/drawing/2014/main" id="{A6A1BC10-9509-4A29-8BA0-798D76A0BF62}"/>
              </a:ext>
            </a:extLst>
          </p:cNvPr>
          <p:cNvGrpSpPr>
            <a:grpSpLocks/>
          </p:cNvGrpSpPr>
          <p:nvPr/>
        </p:nvGrpSpPr>
        <p:grpSpPr>
          <a:xfrm>
            <a:off x="9187860" y="-107792"/>
            <a:ext cx="2476500" cy="1769917"/>
            <a:chOff x="9708930" y="-151591"/>
            <a:chExt cx="2476500" cy="2133601"/>
          </a:xfrm>
        </p:grpSpPr>
        <p:graphicFrame>
          <p:nvGraphicFramePr>
            <p:cNvPr id="84" name="Chart 83">
              <a:extLst>
                <a:ext uri="{FF2B5EF4-FFF2-40B4-BE49-F238E27FC236}">
                  <a16:creationId xmlns:a16="http://schemas.microsoft.com/office/drawing/2014/main" id="{11DBD170-9F1C-49C2-BAA3-B1D1FE6F1FB8}"/>
                </a:ext>
              </a:extLst>
            </p:cNvPr>
            <p:cNvGraphicFramePr>
              <a:graphicFrameLocks/>
            </p:cNvGraphicFramePr>
            <p:nvPr/>
          </p:nvGraphicFramePr>
          <p:xfrm>
            <a:off x="9708930" y="-151591"/>
            <a:ext cx="2476500" cy="2133601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12"/>
            </a:graphicData>
          </a:graphic>
        </p:graphicFrame>
        <p:graphicFrame>
          <p:nvGraphicFramePr>
            <p:cNvPr id="85" name="Chart 84">
              <a:extLst>
                <a:ext uri="{FF2B5EF4-FFF2-40B4-BE49-F238E27FC236}">
                  <a16:creationId xmlns:a16="http://schemas.microsoft.com/office/drawing/2014/main" id="{4C39A795-6A93-4479-A8AC-21FEEA7368FB}"/>
                </a:ext>
              </a:extLst>
            </p:cNvPr>
            <p:cNvGraphicFramePr>
              <a:graphicFrameLocks/>
            </p:cNvGraphicFramePr>
            <p:nvPr/>
          </p:nvGraphicFramePr>
          <p:xfrm>
            <a:off x="10286188" y="442512"/>
            <a:ext cx="1321984" cy="956941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13"/>
            </a:graphicData>
          </a:graphic>
        </p:graphicFrame>
      </p:grpSp>
      <p:sp>
        <p:nvSpPr>
          <p:cNvPr id="53" name="TextBox 52">
            <a:extLst>
              <a:ext uri="{FF2B5EF4-FFF2-40B4-BE49-F238E27FC236}">
                <a16:creationId xmlns:a16="http://schemas.microsoft.com/office/drawing/2014/main" id="{03B21111-E475-BC39-3F21-2AE7A1202B57}"/>
              </a:ext>
            </a:extLst>
          </p:cNvPr>
          <p:cNvSpPr txBox="1"/>
          <p:nvPr/>
        </p:nvSpPr>
        <p:spPr>
          <a:xfrm>
            <a:off x="1872082" y="5231117"/>
            <a:ext cx="1311738" cy="169277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t">
            <a:spAutoFit/>
          </a:bodyPr>
          <a:lstStyle/>
          <a:p>
            <a:pPr marL="36001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2,694</a:t>
            </a:r>
            <a:r>
              <a:rPr kumimoji="0" lang="en-US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KKm</a:t>
            </a:r>
            <a:endParaRPr kumimoji="0" lang="en-US" sz="800" b="1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00E692BD-E7F2-A804-8FA8-685E6419CD0E}"/>
              </a:ext>
            </a:extLst>
          </p:cNvPr>
          <p:cNvSpPr txBox="1"/>
          <p:nvPr/>
        </p:nvSpPr>
        <p:spPr>
          <a:xfrm>
            <a:off x="1878432" y="5550081"/>
            <a:ext cx="1311738" cy="169277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t">
            <a:spAutoFit/>
          </a:bodyPr>
          <a:lstStyle/>
          <a:p>
            <a:pPr marL="36001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98</a:t>
            </a:r>
            <a:r>
              <a:rPr kumimoji="0" lang="en-US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KKm</a:t>
            </a:r>
            <a:endParaRPr kumimoji="0" lang="en-US" sz="800" b="1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5" name="TextBox 54">
            <a:extLst>
              <a:ext uri="{FF2B5EF4-FFF2-40B4-BE49-F238E27FC236}">
                <a16:creationId xmlns:a16="http://schemas.microsoft.com/office/drawing/2014/main" id="{81E7902A-220B-A970-06CE-56FD4052E33E}"/>
              </a:ext>
            </a:extLst>
          </p:cNvPr>
          <p:cNvSpPr txBox="1"/>
          <p:nvPr/>
        </p:nvSpPr>
        <p:spPr>
          <a:xfrm>
            <a:off x="3185828" y="5231117"/>
            <a:ext cx="1311738" cy="169277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t">
            <a:spAutoFit/>
          </a:bodyPr>
          <a:lstStyle/>
          <a:p>
            <a:pPr marL="36001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19,478</a:t>
            </a:r>
            <a:r>
              <a:rPr kumimoji="0" lang="en-US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KKm</a:t>
            </a:r>
            <a:endParaRPr kumimoji="0" lang="en-US" sz="800" b="1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283A9081-CF48-F0A9-6EE2-4BEA79BE70FE}"/>
              </a:ext>
            </a:extLst>
          </p:cNvPr>
          <p:cNvSpPr txBox="1"/>
          <p:nvPr/>
        </p:nvSpPr>
        <p:spPr>
          <a:xfrm>
            <a:off x="3192178" y="5550081"/>
            <a:ext cx="1311738" cy="169277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t">
            <a:spAutoFit/>
          </a:bodyPr>
          <a:lstStyle/>
          <a:p>
            <a:pPr marL="36001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854</a:t>
            </a:r>
            <a:r>
              <a:rPr kumimoji="0" lang="en-US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KKm</a:t>
            </a:r>
            <a:endParaRPr kumimoji="0" lang="en-US" sz="800" b="1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7" name="TextBox 56">
            <a:extLst>
              <a:ext uri="{FF2B5EF4-FFF2-40B4-BE49-F238E27FC236}">
                <a16:creationId xmlns:a16="http://schemas.microsoft.com/office/drawing/2014/main" id="{9AEAF4D1-E75C-622A-451E-36B1755A45A9}"/>
              </a:ext>
            </a:extLst>
          </p:cNvPr>
          <p:cNvSpPr txBox="1"/>
          <p:nvPr/>
        </p:nvSpPr>
        <p:spPr>
          <a:xfrm>
            <a:off x="4493928" y="5231117"/>
            <a:ext cx="1311738" cy="169277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t">
            <a:spAutoFit/>
          </a:bodyPr>
          <a:lstStyle/>
          <a:p>
            <a:pPr marL="36001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31,972</a:t>
            </a:r>
            <a:r>
              <a:rPr kumimoji="0" lang="en-US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KKm</a:t>
            </a:r>
            <a:endParaRPr kumimoji="0" lang="en-US" sz="800" b="1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E49FB143-1F09-C38D-1A04-510A5F5C07C8}"/>
              </a:ext>
            </a:extLst>
          </p:cNvPr>
          <p:cNvSpPr txBox="1"/>
          <p:nvPr/>
        </p:nvSpPr>
        <p:spPr>
          <a:xfrm>
            <a:off x="4500278" y="5550081"/>
            <a:ext cx="1311738" cy="169277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t">
            <a:spAutoFit/>
          </a:bodyPr>
          <a:lstStyle/>
          <a:p>
            <a:pPr marL="36001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1,504</a:t>
            </a:r>
            <a:r>
              <a:rPr kumimoji="0" lang="en-US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KKm</a:t>
            </a:r>
            <a:endParaRPr kumimoji="0" lang="en-US" sz="800" b="1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9" name="TextBox 58">
            <a:extLst>
              <a:ext uri="{FF2B5EF4-FFF2-40B4-BE49-F238E27FC236}">
                <a16:creationId xmlns:a16="http://schemas.microsoft.com/office/drawing/2014/main" id="{97401244-8D11-11B4-86FD-A5B9C9C296D7}"/>
              </a:ext>
            </a:extLst>
          </p:cNvPr>
          <p:cNvSpPr txBox="1"/>
          <p:nvPr/>
        </p:nvSpPr>
        <p:spPr>
          <a:xfrm>
            <a:off x="5802218" y="5231117"/>
            <a:ext cx="1311738" cy="169277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t">
            <a:spAutoFit/>
          </a:bodyPr>
          <a:lstStyle/>
          <a:p>
            <a:pPr marL="36001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37,435</a:t>
            </a:r>
            <a:r>
              <a:rPr kumimoji="0" lang="en-US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KKm</a:t>
            </a:r>
            <a:endParaRPr kumimoji="0" lang="en-US" sz="800" b="1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9045BC26-2C91-BB54-5C8B-15D8F5148ABC}"/>
              </a:ext>
            </a:extLst>
          </p:cNvPr>
          <p:cNvSpPr txBox="1"/>
          <p:nvPr/>
        </p:nvSpPr>
        <p:spPr>
          <a:xfrm>
            <a:off x="5808569" y="5550081"/>
            <a:ext cx="1311738" cy="169277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t">
            <a:spAutoFit/>
          </a:bodyPr>
          <a:lstStyle/>
          <a:p>
            <a:pPr marL="36001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1,936</a:t>
            </a:r>
            <a:r>
              <a:rPr kumimoji="0" lang="en-US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KKm</a:t>
            </a:r>
            <a:endParaRPr kumimoji="0" lang="en-US" sz="800" b="1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61" name="TextBox 60">
            <a:extLst>
              <a:ext uri="{FF2B5EF4-FFF2-40B4-BE49-F238E27FC236}">
                <a16:creationId xmlns:a16="http://schemas.microsoft.com/office/drawing/2014/main" id="{9E87ABEC-5260-95B4-D134-DF3B1D11604D}"/>
              </a:ext>
            </a:extLst>
          </p:cNvPr>
          <p:cNvSpPr txBox="1"/>
          <p:nvPr/>
        </p:nvSpPr>
        <p:spPr>
          <a:xfrm>
            <a:off x="7116669" y="5231117"/>
            <a:ext cx="1311738" cy="169277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t">
            <a:spAutoFit/>
          </a:bodyPr>
          <a:lstStyle/>
          <a:p>
            <a:pPr marL="36001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67,747</a:t>
            </a:r>
            <a:r>
              <a:rPr kumimoji="0" lang="en-US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KKm</a:t>
            </a:r>
            <a:endParaRPr kumimoji="0" lang="en-US" sz="800" b="1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E069EB50-E729-72AB-4CBF-4B515783C188}"/>
              </a:ext>
            </a:extLst>
          </p:cNvPr>
          <p:cNvSpPr txBox="1"/>
          <p:nvPr/>
        </p:nvSpPr>
        <p:spPr>
          <a:xfrm>
            <a:off x="7123018" y="5550081"/>
            <a:ext cx="1311738" cy="169277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t">
            <a:spAutoFit/>
          </a:bodyPr>
          <a:lstStyle/>
          <a:p>
            <a:pPr marL="36001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3,475</a:t>
            </a:r>
            <a:r>
              <a:rPr kumimoji="0" lang="en-US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KKm</a:t>
            </a:r>
            <a:endParaRPr kumimoji="0" lang="en-US" sz="800" b="1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63" name="TextBox 62">
            <a:extLst>
              <a:ext uri="{FF2B5EF4-FFF2-40B4-BE49-F238E27FC236}">
                <a16:creationId xmlns:a16="http://schemas.microsoft.com/office/drawing/2014/main" id="{438315E0-17DE-E9FB-FB98-379A65CC9F02}"/>
              </a:ext>
            </a:extLst>
          </p:cNvPr>
          <p:cNvSpPr txBox="1"/>
          <p:nvPr/>
        </p:nvSpPr>
        <p:spPr>
          <a:xfrm>
            <a:off x="9739218" y="5231117"/>
            <a:ext cx="1311738" cy="169277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t">
            <a:spAutoFit/>
          </a:bodyPr>
          <a:lstStyle/>
          <a:p>
            <a:pPr marL="36001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182,306</a:t>
            </a:r>
            <a:r>
              <a:rPr kumimoji="0" lang="en-US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KKm</a:t>
            </a:r>
            <a:endParaRPr kumimoji="0" lang="en-US" sz="800" b="1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64" name="TextBox 63">
            <a:extLst>
              <a:ext uri="{FF2B5EF4-FFF2-40B4-BE49-F238E27FC236}">
                <a16:creationId xmlns:a16="http://schemas.microsoft.com/office/drawing/2014/main" id="{32024449-A1EC-C6FD-D31B-032D29A2AB2E}"/>
              </a:ext>
            </a:extLst>
          </p:cNvPr>
          <p:cNvSpPr txBox="1"/>
          <p:nvPr/>
        </p:nvSpPr>
        <p:spPr>
          <a:xfrm>
            <a:off x="9745569" y="5550081"/>
            <a:ext cx="1311738" cy="169277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t">
            <a:spAutoFit/>
          </a:bodyPr>
          <a:lstStyle/>
          <a:p>
            <a:pPr marL="36001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16,223</a:t>
            </a:r>
            <a:r>
              <a:rPr kumimoji="0" lang="en-US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KKm</a:t>
            </a:r>
            <a:endParaRPr kumimoji="0" lang="en-US" sz="800" b="1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65" name="TextBox 64">
            <a:extLst>
              <a:ext uri="{FF2B5EF4-FFF2-40B4-BE49-F238E27FC236}">
                <a16:creationId xmlns:a16="http://schemas.microsoft.com/office/drawing/2014/main" id="{531C26FE-E3DA-D10C-0E8E-69B75C37C03A}"/>
              </a:ext>
            </a:extLst>
          </p:cNvPr>
          <p:cNvSpPr txBox="1"/>
          <p:nvPr/>
        </p:nvSpPr>
        <p:spPr>
          <a:xfrm>
            <a:off x="8431118" y="5231117"/>
            <a:ext cx="1311738" cy="169277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t">
            <a:spAutoFit/>
          </a:bodyPr>
          <a:lstStyle/>
          <a:p>
            <a:pPr marL="36001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115,932</a:t>
            </a:r>
            <a:r>
              <a:rPr kumimoji="0" lang="en-US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KKm</a:t>
            </a:r>
            <a:endParaRPr kumimoji="0" lang="en-US" sz="800" b="1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66" name="TextBox 65">
            <a:extLst>
              <a:ext uri="{FF2B5EF4-FFF2-40B4-BE49-F238E27FC236}">
                <a16:creationId xmlns:a16="http://schemas.microsoft.com/office/drawing/2014/main" id="{B2D6EBB8-FE4C-FDFC-4B22-8E31F993DC52}"/>
              </a:ext>
            </a:extLst>
          </p:cNvPr>
          <p:cNvSpPr txBox="1"/>
          <p:nvPr/>
        </p:nvSpPr>
        <p:spPr>
          <a:xfrm>
            <a:off x="8437469" y="5550081"/>
            <a:ext cx="1311738" cy="169277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t">
            <a:spAutoFit/>
          </a:bodyPr>
          <a:lstStyle/>
          <a:p>
            <a:pPr marL="36001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9,520</a:t>
            </a:r>
            <a:r>
              <a:rPr kumimoji="0" lang="en-US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KKm</a:t>
            </a:r>
            <a:endParaRPr kumimoji="0" lang="en-US" sz="800" b="1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1B188B80-6914-5F75-32A1-D0FF05136E62}"/>
              </a:ext>
            </a:extLst>
          </p:cNvPr>
          <p:cNvSpPr txBox="1"/>
          <p:nvPr/>
        </p:nvSpPr>
        <p:spPr>
          <a:xfrm>
            <a:off x="11047318" y="5231117"/>
            <a:ext cx="1311738" cy="169277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t">
            <a:spAutoFit/>
          </a:bodyPr>
          <a:lstStyle/>
          <a:p>
            <a:pPr marL="36001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235,665</a:t>
            </a:r>
            <a:r>
              <a:rPr kumimoji="0" lang="en-US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KKm</a:t>
            </a:r>
            <a:endParaRPr kumimoji="0" lang="en-US" sz="800" b="1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68" name="TextBox 67">
            <a:extLst>
              <a:ext uri="{FF2B5EF4-FFF2-40B4-BE49-F238E27FC236}">
                <a16:creationId xmlns:a16="http://schemas.microsoft.com/office/drawing/2014/main" id="{4A0BF69C-54BE-7F9B-9077-AC12686397F4}"/>
              </a:ext>
            </a:extLst>
          </p:cNvPr>
          <p:cNvSpPr txBox="1"/>
          <p:nvPr/>
        </p:nvSpPr>
        <p:spPr>
          <a:xfrm>
            <a:off x="11053669" y="5550081"/>
            <a:ext cx="1311738" cy="169277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t">
            <a:spAutoFit/>
          </a:bodyPr>
          <a:lstStyle/>
          <a:p>
            <a:pPr marL="36001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25,204</a:t>
            </a:r>
            <a:r>
              <a:rPr kumimoji="0" lang="en-US" sz="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KKm</a:t>
            </a:r>
            <a:endParaRPr kumimoji="0" lang="en-US" sz="800" b="1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BF70C47D-84F0-D2E3-C7A6-921BF5AAA00F}"/>
              </a:ext>
            </a:extLst>
          </p:cNvPr>
          <p:cNvSpPr txBox="1"/>
          <p:nvPr/>
        </p:nvSpPr>
        <p:spPr>
          <a:xfrm>
            <a:off x="530676" y="5183608"/>
            <a:ext cx="1151662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Revenue</a:t>
            </a:r>
            <a:endParaRPr kumimoji="0" lang="en-GB" sz="1100" b="1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0" name="TextBox 69">
            <a:extLst>
              <a:ext uri="{FF2B5EF4-FFF2-40B4-BE49-F238E27FC236}">
                <a16:creationId xmlns:a16="http://schemas.microsoft.com/office/drawing/2014/main" id="{B39AA5C9-A9DB-0AE7-9F1E-FD0B25D0EEB5}"/>
              </a:ext>
            </a:extLst>
          </p:cNvPr>
          <p:cNvSpPr txBox="1"/>
          <p:nvPr/>
        </p:nvSpPr>
        <p:spPr>
          <a:xfrm>
            <a:off x="532447" y="5504269"/>
            <a:ext cx="1151662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EBIT</a:t>
            </a:r>
            <a:endParaRPr kumimoji="0" lang="en-GB" sz="1100" b="1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1" name="Rectangle 70">
            <a:extLst>
              <a:ext uri="{FF2B5EF4-FFF2-40B4-BE49-F238E27FC236}">
                <a16:creationId xmlns:a16="http://schemas.microsoft.com/office/drawing/2014/main" id="{5C14F082-C095-AE43-0BB4-17E939502B7F}"/>
              </a:ext>
            </a:extLst>
          </p:cNvPr>
          <p:cNvSpPr/>
          <p:nvPr/>
        </p:nvSpPr>
        <p:spPr>
          <a:xfrm>
            <a:off x="12190785" y="0"/>
            <a:ext cx="527411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5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615221827"/>
      </p:ext>
    </p:extLst>
  </p:cSld>
  <p:clrMapOvr>
    <a:masterClrMapping/>
  </p:clrMapOvr>
  <p:transition spd="slow">
    <p:push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Chart 3">
            <a:extLst>
              <a:ext uri="{FF2B5EF4-FFF2-40B4-BE49-F238E27FC236}">
                <a16:creationId xmlns:a16="http://schemas.microsoft.com/office/drawing/2014/main" id="{EC6D7895-1962-DDC1-801F-2AAD8C1C8006}"/>
              </a:ext>
            </a:extLst>
          </p:cNvPr>
          <p:cNvGraphicFramePr/>
          <p:nvPr/>
        </p:nvGraphicFramePr>
        <p:xfrm>
          <a:off x="882650" y="1267743"/>
          <a:ext cx="10090150" cy="516480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9" name="Title 5">
            <a:extLst>
              <a:ext uri="{FF2B5EF4-FFF2-40B4-BE49-F238E27FC236}">
                <a16:creationId xmlns:a16="http://schemas.microsoft.com/office/drawing/2014/main" id="{F12F0E20-83C3-94B6-72D9-7ECF6265EC7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16000" y="571501"/>
            <a:ext cx="10160000" cy="571500"/>
          </a:xfrm>
        </p:spPr>
        <p:txBody>
          <a:bodyPr/>
          <a:lstStyle/>
          <a:p>
            <a:r>
              <a:rPr lang="en-GB" sz="2800" dirty="0"/>
              <a:t>Our market position</a:t>
            </a:r>
          </a:p>
        </p:txBody>
      </p:sp>
      <p:sp>
        <p:nvSpPr>
          <p:cNvPr id="10" name="Text Placeholder 7">
            <a:extLst>
              <a:ext uri="{FF2B5EF4-FFF2-40B4-BE49-F238E27FC236}">
                <a16:creationId xmlns:a16="http://schemas.microsoft.com/office/drawing/2014/main" id="{BA88CCD5-45D1-F463-34C6-F7E448ED9A7A}"/>
              </a:ext>
            </a:extLst>
          </p:cNvPr>
          <p:cNvSpPr txBox="1">
            <a:spLocks/>
          </p:cNvSpPr>
          <p:nvPr/>
        </p:nvSpPr>
        <p:spPr>
          <a:xfrm>
            <a:off x="1047750" y="980743"/>
            <a:ext cx="10160000" cy="5715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4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kern="1200" spc="-18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Third-party logistics providers by 2022 revenue in USD billion</a:t>
            </a:r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4861C6C8-05B1-6D7E-6263-EBC8C21B7ED0}"/>
              </a:ext>
            </a:extLst>
          </p:cNvPr>
          <p:cNvGrpSpPr/>
          <p:nvPr/>
        </p:nvGrpSpPr>
        <p:grpSpPr>
          <a:xfrm>
            <a:off x="837900" y="1390648"/>
            <a:ext cx="648000" cy="4842000"/>
            <a:chOff x="487303" y="1417000"/>
            <a:chExt cx="324000" cy="4698176"/>
          </a:xfrm>
        </p:grpSpPr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1FF8B2C8-73C4-FDB4-F63E-93E1E31C113D}"/>
                </a:ext>
              </a:extLst>
            </p:cNvPr>
            <p:cNvGrpSpPr/>
            <p:nvPr/>
          </p:nvGrpSpPr>
          <p:grpSpPr>
            <a:xfrm>
              <a:off x="487303" y="1417000"/>
              <a:ext cx="324000" cy="4698176"/>
              <a:chOff x="577410" y="1450876"/>
              <a:chExt cx="324000" cy="3929798"/>
            </a:xfrm>
          </p:grpSpPr>
          <p:sp>
            <p:nvSpPr>
              <p:cNvPr id="14" name="Oval 13">
                <a:extLst>
                  <a:ext uri="{FF2B5EF4-FFF2-40B4-BE49-F238E27FC236}">
                    <a16:creationId xmlns:a16="http://schemas.microsoft.com/office/drawing/2014/main" id="{DEA9ABFF-708C-C795-24CD-3960E992CFD7}"/>
                  </a:ext>
                </a:extLst>
              </p:cNvPr>
              <p:cNvSpPr/>
              <p:nvPr/>
            </p:nvSpPr>
            <p:spPr>
              <a:xfrm>
                <a:off x="589313" y="1611912"/>
                <a:ext cx="288000" cy="240898"/>
              </a:xfrm>
              <a:prstGeom prst="ellipse">
                <a:avLst/>
              </a:prstGeom>
              <a:noFill/>
              <a:ln w="12700" cap="flat" algn="ctr">
                <a:noFill/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rIns="0" rtlCol="0" anchor="ctr"/>
              <a:lstStyle/>
              <a:p>
                <a:pPr marL="0" marR="0" lvl="0" indent="0" algn="ctr" defTabSz="1828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000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Helvetica"/>
                  </a:rPr>
                  <a:t>2</a:t>
                </a:r>
              </a:p>
            </p:txBody>
          </p:sp>
          <p:sp>
            <p:nvSpPr>
              <p:cNvPr id="15" name="Oval 14">
                <a:extLst>
                  <a:ext uri="{FF2B5EF4-FFF2-40B4-BE49-F238E27FC236}">
                    <a16:creationId xmlns:a16="http://schemas.microsoft.com/office/drawing/2014/main" id="{B228DB25-A555-7845-876F-F5E4DA3D0677}"/>
                  </a:ext>
                </a:extLst>
              </p:cNvPr>
              <p:cNvSpPr/>
              <p:nvPr/>
            </p:nvSpPr>
            <p:spPr>
              <a:xfrm>
                <a:off x="577410" y="1450876"/>
                <a:ext cx="299888" cy="170747"/>
              </a:xfrm>
              <a:prstGeom prst="ellipse">
                <a:avLst/>
              </a:prstGeom>
              <a:noFill/>
              <a:ln w="12700" cap="flat" algn="ctr">
                <a:noFill/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rIns="0" rtlCol="0" anchor="ctr"/>
              <a:lstStyle/>
              <a:p>
                <a:pPr marL="0" marR="0" lvl="0" indent="0" algn="ctr" defTabSz="1828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0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Helvetica"/>
                    <a:sym typeface="Arial"/>
                  </a:rPr>
                  <a:t>1</a:t>
                </a:r>
                <a:endParaRPr kumimoji="0" lang="en-GB" sz="1000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Helvetica"/>
                  <a:sym typeface="Arial"/>
                </a:endParaRPr>
              </a:p>
            </p:txBody>
          </p:sp>
          <p:sp>
            <p:nvSpPr>
              <p:cNvPr id="16" name="Oval 15">
                <a:extLst>
                  <a:ext uri="{FF2B5EF4-FFF2-40B4-BE49-F238E27FC236}">
                    <a16:creationId xmlns:a16="http://schemas.microsoft.com/office/drawing/2014/main" id="{77AD22B7-1F63-B0C0-2CED-2041E80AC436}"/>
                  </a:ext>
                </a:extLst>
              </p:cNvPr>
              <p:cNvSpPr/>
              <p:nvPr/>
            </p:nvSpPr>
            <p:spPr>
              <a:xfrm>
                <a:off x="577410" y="1864954"/>
                <a:ext cx="324000" cy="150561"/>
              </a:xfrm>
              <a:prstGeom prst="ellipse">
                <a:avLst/>
              </a:prstGeom>
              <a:noFill/>
              <a:ln w="12700" cap="flat" algn="ctr">
                <a:noFill/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rIns="0" rtlCol="0" anchor="ctr"/>
              <a:lstStyle/>
              <a:p>
                <a:pPr marL="0" marR="0" lvl="0" indent="0" algn="ctr" defTabSz="1828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000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Helvetica"/>
                  <a:sym typeface="Arial"/>
                </a:endParaRPr>
              </a:p>
            </p:txBody>
          </p:sp>
          <p:sp>
            <p:nvSpPr>
              <p:cNvPr id="17" name="Oval 16">
                <a:extLst>
                  <a:ext uri="{FF2B5EF4-FFF2-40B4-BE49-F238E27FC236}">
                    <a16:creationId xmlns:a16="http://schemas.microsoft.com/office/drawing/2014/main" id="{289093E6-818D-EDB7-B53B-0ED72BE2A028}"/>
                  </a:ext>
                </a:extLst>
              </p:cNvPr>
              <p:cNvSpPr/>
              <p:nvPr/>
            </p:nvSpPr>
            <p:spPr>
              <a:xfrm>
                <a:off x="597221" y="2201691"/>
                <a:ext cx="260267" cy="259360"/>
              </a:xfrm>
              <a:prstGeom prst="ellipse">
                <a:avLst/>
              </a:prstGeom>
              <a:noFill/>
              <a:ln w="12700" cap="flat" algn="ctr">
                <a:noFill/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rIns="0" rtlCol="0" anchor="ctr"/>
              <a:lstStyle/>
              <a:p>
                <a:pPr marL="0" marR="0" lvl="0" indent="0" algn="ctr" defTabSz="1828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000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Helvetica"/>
                    <a:sym typeface="Arial"/>
                  </a:rPr>
                  <a:t>5</a:t>
                </a:r>
              </a:p>
            </p:txBody>
          </p:sp>
          <p:sp>
            <p:nvSpPr>
              <p:cNvPr id="18" name="Oval 17">
                <a:extLst>
                  <a:ext uri="{FF2B5EF4-FFF2-40B4-BE49-F238E27FC236}">
                    <a16:creationId xmlns:a16="http://schemas.microsoft.com/office/drawing/2014/main" id="{90A204EF-52A7-A48F-9195-76ACF045A41B}"/>
                  </a:ext>
                </a:extLst>
              </p:cNvPr>
              <p:cNvSpPr/>
              <p:nvPr/>
            </p:nvSpPr>
            <p:spPr>
              <a:xfrm>
                <a:off x="577410" y="2035966"/>
                <a:ext cx="299888" cy="170747"/>
              </a:xfrm>
              <a:prstGeom prst="ellipse">
                <a:avLst/>
              </a:prstGeom>
              <a:noFill/>
              <a:ln w="12700" cap="flat" algn="ctr">
                <a:noFill/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rIns="0" rtlCol="0" anchor="ctr"/>
              <a:lstStyle/>
              <a:p>
                <a:pPr marL="0" marR="0" lvl="0" indent="0" algn="ctr" defTabSz="1828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000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Helvetica"/>
                    <a:sym typeface="Arial"/>
                  </a:rPr>
                  <a:t>4</a:t>
                </a:r>
              </a:p>
            </p:txBody>
          </p:sp>
          <p:sp>
            <p:nvSpPr>
              <p:cNvPr id="19" name="Oval 18">
                <a:extLst>
                  <a:ext uri="{FF2B5EF4-FFF2-40B4-BE49-F238E27FC236}">
                    <a16:creationId xmlns:a16="http://schemas.microsoft.com/office/drawing/2014/main" id="{24416C8D-55D8-E475-B8D0-2503C376E5F0}"/>
                  </a:ext>
                </a:extLst>
              </p:cNvPr>
              <p:cNvSpPr/>
              <p:nvPr/>
            </p:nvSpPr>
            <p:spPr>
              <a:xfrm>
                <a:off x="577410" y="2649616"/>
                <a:ext cx="299888" cy="170747"/>
              </a:xfrm>
              <a:prstGeom prst="ellipse">
                <a:avLst/>
              </a:prstGeom>
              <a:noFill/>
              <a:ln w="12700" cap="flat" algn="ctr">
                <a:noFill/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rIns="0" rtlCol="0" anchor="ctr"/>
              <a:lstStyle/>
              <a:p>
                <a:pPr marL="0" marR="0" lvl="0" indent="0" algn="ctr" defTabSz="1828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000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Helvetica"/>
                    <a:sym typeface="Arial"/>
                  </a:rPr>
                  <a:t>7</a:t>
                </a:r>
              </a:p>
            </p:txBody>
          </p:sp>
          <p:sp>
            <p:nvSpPr>
              <p:cNvPr id="20" name="Oval 19">
                <a:extLst>
                  <a:ext uri="{FF2B5EF4-FFF2-40B4-BE49-F238E27FC236}">
                    <a16:creationId xmlns:a16="http://schemas.microsoft.com/office/drawing/2014/main" id="{60FA763D-DABF-E02E-1D15-D177B577FB45}"/>
                  </a:ext>
                </a:extLst>
              </p:cNvPr>
              <p:cNvSpPr/>
              <p:nvPr/>
            </p:nvSpPr>
            <p:spPr>
              <a:xfrm>
                <a:off x="577410" y="2826630"/>
                <a:ext cx="299888" cy="170747"/>
              </a:xfrm>
              <a:prstGeom prst="ellipse">
                <a:avLst/>
              </a:prstGeom>
              <a:noFill/>
              <a:ln w="12700" cap="flat" algn="ctr">
                <a:noFill/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rIns="0" rtlCol="0" anchor="ctr"/>
              <a:lstStyle/>
              <a:p>
                <a:pPr marL="0" marR="0" lvl="0" indent="0" algn="ctr" defTabSz="1828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000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Helvetica"/>
                    <a:sym typeface="Arial"/>
                  </a:rPr>
                  <a:t>8</a:t>
                </a:r>
                <a:endParaRPr kumimoji="0" lang="en-GB" sz="1000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Helvetica"/>
                  <a:sym typeface="Arial"/>
                </a:endParaRPr>
              </a:p>
            </p:txBody>
          </p:sp>
          <p:sp>
            <p:nvSpPr>
              <p:cNvPr id="21" name="Oval 20">
                <a:extLst>
                  <a:ext uri="{FF2B5EF4-FFF2-40B4-BE49-F238E27FC236}">
                    <a16:creationId xmlns:a16="http://schemas.microsoft.com/office/drawing/2014/main" id="{D783B648-0687-71D1-192D-6A417C97A054}"/>
                  </a:ext>
                </a:extLst>
              </p:cNvPr>
              <p:cNvSpPr>
                <a:spLocks noChangeAspect="1"/>
              </p:cNvSpPr>
              <p:nvPr/>
            </p:nvSpPr>
            <p:spPr>
              <a:xfrm>
                <a:off x="577410" y="3027662"/>
                <a:ext cx="299888" cy="172136"/>
              </a:xfrm>
              <a:prstGeom prst="ellipse">
                <a:avLst/>
              </a:prstGeom>
              <a:noFill/>
              <a:ln w="12700" cap="flat" algn="ctr">
                <a:noFill/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rIns="0" rtlCol="0" anchor="ctr"/>
              <a:lstStyle/>
              <a:p>
                <a:pPr marL="0" marR="0" lvl="0" indent="0" algn="ctr" defTabSz="1828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000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Helvetica"/>
                    <a:sym typeface="Arial"/>
                  </a:rPr>
                  <a:t>9</a:t>
                </a:r>
              </a:p>
            </p:txBody>
          </p:sp>
          <p:sp>
            <p:nvSpPr>
              <p:cNvPr id="22" name="Oval 21">
                <a:extLst>
                  <a:ext uri="{FF2B5EF4-FFF2-40B4-BE49-F238E27FC236}">
                    <a16:creationId xmlns:a16="http://schemas.microsoft.com/office/drawing/2014/main" id="{ADEDD70A-5A5F-9451-8F3C-AFCEA4FB23C4}"/>
                  </a:ext>
                </a:extLst>
              </p:cNvPr>
              <p:cNvSpPr/>
              <p:nvPr/>
            </p:nvSpPr>
            <p:spPr>
              <a:xfrm>
                <a:off x="577410" y="3224078"/>
                <a:ext cx="299888" cy="172136"/>
              </a:xfrm>
              <a:prstGeom prst="ellipse">
                <a:avLst/>
              </a:prstGeom>
              <a:noFill/>
              <a:ln w="12700" cap="flat" algn="ctr">
                <a:noFill/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rIns="0" rtlCol="0" anchor="ctr"/>
              <a:lstStyle/>
              <a:p>
                <a:pPr marL="0" marR="0" lvl="0" indent="0" algn="ctr" defTabSz="1828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000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Helvetica"/>
                    <a:sym typeface="Arial"/>
                  </a:rPr>
                  <a:t>10</a:t>
                </a:r>
                <a:endParaRPr kumimoji="0" lang="en-GB" sz="1000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Helvetica"/>
                  <a:sym typeface="Arial"/>
                </a:endParaRPr>
              </a:p>
            </p:txBody>
          </p:sp>
          <p:sp>
            <p:nvSpPr>
              <p:cNvPr id="23" name="Oval 22">
                <a:extLst>
                  <a:ext uri="{FF2B5EF4-FFF2-40B4-BE49-F238E27FC236}">
                    <a16:creationId xmlns:a16="http://schemas.microsoft.com/office/drawing/2014/main" id="{F05309B8-8D3D-309D-CA15-03400A4BA758}"/>
                  </a:ext>
                </a:extLst>
              </p:cNvPr>
              <p:cNvSpPr/>
              <p:nvPr/>
            </p:nvSpPr>
            <p:spPr>
              <a:xfrm>
                <a:off x="577410" y="3414499"/>
                <a:ext cx="299888" cy="172136"/>
              </a:xfrm>
              <a:prstGeom prst="ellipse">
                <a:avLst/>
              </a:prstGeom>
              <a:noFill/>
              <a:ln w="12700" cap="flat" algn="ctr">
                <a:noFill/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rIns="0" rtlCol="0" anchor="ctr"/>
              <a:lstStyle/>
              <a:p>
                <a:pPr marL="0" marR="0" lvl="0" indent="0" algn="ctr" defTabSz="1828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000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Helvetica"/>
                    <a:sym typeface="Arial"/>
                  </a:rPr>
                  <a:t>11</a:t>
                </a:r>
                <a:endParaRPr kumimoji="0" lang="en-GB" sz="1000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Helvetica"/>
                  <a:sym typeface="Arial"/>
                </a:endParaRPr>
              </a:p>
            </p:txBody>
          </p:sp>
          <p:sp>
            <p:nvSpPr>
              <p:cNvPr id="24" name="Oval 23">
                <a:extLst>
                  <a:ext uri="{FF2B5EF4-FFF2-40B4-BE49-F238E27FC236}">
                    <a16:creationId xmlns:a16="http://schemas.microsoft.com/office/drawing/2014/main" id="{AC521D78-ED1B-56F6-7501-38FC1F3AD3C4}"/>
                  </a:ext>
                </a:extLst>
              </p:cNvPr>
              <p:cNvSpPr/>
              <p:nvPr/>
            </p:nvSpPr>
            <p:spPr>
              <a:xfrm>
                <a:off x="577410" y="3622927"/>
                <a:ext cx="299888" cy="172136"/>
              </a:xfrm>
              <a:prstGeom prst="ellipse">
                <a:avLst/>
              </a:prstGeom>
              <a:noFill/>
              <a:ln w="12700" cap="flat" algn="ctr">
                <a:noFill/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rIns="0" rtlCol="0" anchor="ctr"/>
              <a:lstStyle/>
              <a:p>
                <a:pPr marL="0" marR="0" lvl="0" indent="0" algn="ctr" defTabSz="1828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pl-PL" sz="1000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Helvetica"/>
                    <a:sym typeface="Arial"/>
                  </a:rPr>
                  <a:t>1</a:t>
                </a:r>
                <a:r>
                  <a:rPr kumimoji="0" lang="da-DK" sz="1000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Helvetica"/>
                    <a:sym typeface="Arial"/>
                  </a:rPr>
                  <a:t>2</a:t>
                </a:r>
                <a:endParaRPr kumimoji="0" lang="en-GB" sz="1000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Helvetica"/>
                  <a:sym typeface="Arial"/>
                </a:endParaRPr>
              </a:p>
            </p:txBody>
          </p:sp>
          <p:sp>
            <p:nvSpPr>
              <p:cNvPr id="25" name="Oval 24">
                <a:extLst>
                  <a:ext uri="{FF2B5EF4-FFF2-40B4-BE49-F238E27FC236}">
                    <a16:creationId xmlns:a16="http://schemas.microsoft.com/office/drawing/2014/main" id="{CC10CA2C-E9CC-6A06-C27E-AC41BA0C0750}"/>
                  </a:ext>
                </a:extLst>
              </p:cNvPr>
              <p:cNvSpPr/>
              <p:nvPr/>
            </p:nvSpPr>
            <p:spPr>
              <a:xfrm>
                <a:off x="577410" y="3831354"/>
                <a:ext cx="299888" cy="172136"/>
              </a:xfrm>
              <a:prstGeom prst="ellipse">
                <a:avLst/>
              </a:prstGeom>
              <a:noFill/>
              <a:ln w="12700" cap="flat" algn="ctr">
                <a:noFill/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rIns="0" rtlCol="0" anchor="ctr"/>
              <a:lstStyle/>
              <a:p>
                <a:pPr marL="0" marR="0" lvl="0" indent="0" algn="ctr" defTabSz="1828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pl-PL" sz="1000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Helvetica"/>
                    <a:sym typeface="Arial"/>
                  </a:rPr>
                  <a:t>1</a:t>
                </a:r>
                <a:r>
                  <a:rPr kumimoji="0" lang="da-DK" sz="1000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Helvetica"/>
                    <a:sym typeface="Arial"/>
                  </a:rPr>
                  <a:t>3</a:t>
                </a:r>
                <a:endParaRPr kumimoji="0" lang="en-GB" sz="1000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Helvetica"/>
                  <a:sym typeface="Arial"/>
                </a:endParaRPr>
              </a:p>
            </p:txBody>
          </p:sp>
          <p:sp>
            <p:nvSpPr>
              <p:cNvPr id="26" name="Oval 25">
                <a:extLst>
                  <a:ext uri="{FF2B5EF4-FFF2-40B4-BE49-F238E27FC236}">
                    <a16:creationId xmlns:a16="http://schemas.microsoft.com/office/drawing/2014/main" id="{7EF71E1D-8EA2-91FD-B786-D32CAEB6329A}"/>
                  </a:ext>
                </a:extLst>
              </p:cNvPr>
              <p:cNvSpPr/>
              <p:nvPr/>
            </p:nvSpPr>
            <p:spPr>
              <a:xfrm>
                <a:off x="577410" y="4039782"/>
                <a:ext cx="299888" cy="151465"/>
              </a:xfrm>
              <a:prstGeom prst="ellipse">
                <a:avLst/>
              </a:prstGeom>
              <a:noFill/>
              <a:ln w="12700" cap="flat" algn="ctr">
                <a:noFill/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rIns="0" rtlCol="0" anchor="ctr"/>
              <a:lstStyle/>
              <a:p>
                <a:pPr marL="0" marR="0" lvl="0" indent="0" algn="ctr" defTabSz="1828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pl-PL" sz="10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Helvetica"/>
                    <a:sym typeface="Arial"/>
                  </a:rPr>
                  <a:t>1</a:t>
                </a:r>
                <a:r>
                  <a:rPr kumimoji="0" lang="da-DK" sz="10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Helvetica"/>
                    <a:sym typeface="Arial"/>
                  </a:rPr>
                  <a:t>4</a:t>
                </a:r>
                <a:endParaRPr kumimoji="0" lang="en-GB" sz="1000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Helvetica"/>
                  <a:sym typeface="Arial"/>
                </a:endParaRPr>
              </a:p>
            </p:txBody>
          </p:sp>
          <p:sp>
            <p:nvSpPr>
              <p:cNvPr id="27" name="Oval 26">
                <a:extLst>
                  <a:ext uri="{FF2B5EF4-FFF2-40B4-BE49-F238E27FC236}">
                    <a16:creationId xmlns:a16="http://schemas.microsoft.com/office/drawing/2014/main" id="{6DEEB249-77F3-BD5E-6B8E-BA065BF42692}"/>
                  </a:ext>
                </a:extLst>
              </p:cNvPr>
              <p:cNvSpPr/>
              <p:nvPr/>
            </p:nvSpPr>
            <p:spPr>
              <a:xfrm>
                <a:off x="577410" y="4215534"/>
                <a:ext cx="299888" cy="172136"/>
              </a:xfrm>
              <a:prstGeom prst="ellipse">
                <a:avLst/>
              </a:prstGeom>
              <a:noFill/>
              <a:ln w="12700" cap="flat" algn="ctr">
                <a:noFill/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rIns="0" rtlCol="0" anchor="ctr"/>
              <a:lstStyle/>
              <a:p>
                <a:pPr marL="0" marR="0" lvl="0" indent="0" algn="ctr" defTabSz="1828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000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Helvetica"/>
                    <a:sym typeface="Arial"/>
                  </a:rPr>
                  <a:t>15</a:t>
                </a:r>
                <a:endParaRPr kumimoji="0" lang="en-GB" sz="1000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Helvetica"/>
                  <a:sym typeface="Arial"/>
                </a:endParaRPr>
              </a:p>
            </p:txBody>
          </p:sp>
          <p:sp>
            <p:nvSpPr>
              <p:cNvPr id="28" name="Oval 27">
                <a:extLst>
                  <a:ext uri="{FF2B5EF4-FFF2-40B4-BE49-F238E27FC236}">
                    <a16:creationId xmlns:a16="http://schemas.microsoft.com/office/drawing/2014/main" id="{25637FD3-EE28-96BC-DBC0-1969CE2CDC20}"/>
                  </a:ext>
                </a:extLst>
              </p:cNvPr>
              <p:cNvSpPr/>
              <p:nvPr/>
            </p:nvSpPr>
            <p:spPr>
              <a:xfrm>
                <a:off x="577410" y="4417956"/>
                <a:ext cx="299888" cy="172136"/>
              </a:xfrm>
              <a:prstGeom prst="ellipse">
                <a:avLst/>
              </a:prstGeom>
              <a:noFill/>
              <a:ln w="12700" cap="flat" algn="ctr">
                <a:noFill/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rIns="0" rtlCol="0" anchor="ctr"/>
              <a:lstStyle/>
              <a:p>
                <a:pPr marL="0" marR="0" lvl="0" indent="0" algn="ctr" defTabSz="1828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0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Helvetica"/>
                    <a:sym typeface="Arial"/>
                  </a:rPr>
                  <a:t>16</a:t>
                </a:r>
                <a:endParaRPr kumimoji="0" lang="en-GB" sz="1000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Helvetica"/>
                  <a:sym typeface="Arial"/>
                </a:endParaRPr>
              </a:p>
            </p:txBody>
          </p:sp>
          <p:sp>
            <p:nvSpPr>
              <p:cNvPr id="29" name="Oval 28">
                <a:extLst>
                  <a:ext uri="{FF2B5EF4-FFF2-40B4-BE49-F238E27FC236}">
                    <a16:creationId xmlns:a16="http://schemas.microsoft.com/office/drawing/2014/main" id="{C67D915D-5FE8-2155-5E43-625FA6686800}"/>
                  </a:ext>
                </a:extLst>
              </p:cNvPr>
              <p:cNvSpPr/>
              <p:nvPr/>
            </p:nvSpPr>
            <p:spPr>
              <a:xfrm>
                <a:off x="577410" y="4614373"/>
                <a:ext cx="299888" cy="172136"/>
              </a:xfrm>
              <a:prstGeom prst="ellipse">
                <a:avLst/>
              </a:prstGeom>
              <a:noFill/>
              <a:ln w="12700" cap="flat" algn="ctr">
                <a:noFill/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rIns="0" rtlCol="0" anchor="ctr"/>
              <a:lstStyle/>
              <a:p>
                <a:pPr marL="0" marR="0" lvl="0" indent="0" algn="ctr" defTabSz="1828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0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Helvetica"/>
                    <a:sym typeface="Arial"/>
                  </a:rPr>
                  <a:t>17</a:t>
                </a:r>
                <a:endParaRPr kumimoji="0" lang="en-GB" sz="1000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Helvetica"/>
                  <a:sym typeface="Arial"/>
                </a:endParaRPr>
              </a:p>
            </p:txBody>
          </p:sp>
          <p:sp>
            <p:nvSpPr>
              <p:cNvPr id="30" name="Oval 29">
                <a:extLst>
                  <a:ext uri="{FF2B5EF4-FFF2-40B4-BE49-F238E27FC236}">
                    <a16:creationId xmlns:a16="http://schemas.microsoft.com/office/drawing/2014/main" id="{0278A829-78C3-72B4-85B3-6FB49C010760}"/>
                  </a:ext>
                </a:extLst>
              </p:cNvPr>
              <p:cNvSpPr/>
              <p:nvPr/>
            </p:nvSpPr>
            <p:spPr>
              <a:xfrm>
                <a:off x="577410" y="4810792"/>
                <a:ext cx="299888" cy="172136"/>
              </a:xfrm>
              <a:prstGeom prst="ellipse">
                <a:avLst/>
              </a:prstGeom>
              <a:noFill/>
              <a:ln w="12700" cap="flat" algn="ctr">
                <a:noFill/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rIns="0" rtlCol="0" anchor="ctr"/>
              <a:lstStyle/>
              <a:p>
                <a:pPr marL="0" marR="0" lvl="0" indent="0" algn="ctr" defTabSz="1828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000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Helvetica"/>
                    <a:sym typeface="Arial"/>
                  </a:rPr>
                  <a:t>18</a:t>
                </a:r>
                <a:endParaRPr kumimoji="0" lang="en-GB" sz="1000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Helvetica"/>
                  <a:sym typeface="Arial"/>
                </a:endParaRPr>
              </a:p>
            </p:txBody>
          </p:sp>
          <p:sp>
            <p:nvSpPr>
              <p:cNvPr id="31" name="Oval 30">
                <a:extLst>
                  <a:ext uri="{FF2B5EF4-FFF2-40B4-BE49-F238E27FC236}">
                    <a16:creationId xmlns:a16="http://schemas.microsoft.com/office/drawing/2014/main" id="{FD5EA910-4863-8B1A-251B-D08740856E18}"/>
                  </a:ext>
                </a:extLst>
              </p:cNvPr>
              <p:cNvSpPr/>
              <p:nvPr/>
            </p:nvSpPr>
            <p:spPr>
              <a:xfrm>
                <a:off x="577410" y="5019218"/>
                <a:ext cx="299888" cy="190590"/>
              </a:xfrm>
              <a:prstGeom prst="ellipse">
                <a:avLst/>
              </a:prstGeom>
              <a:noFill/>
              <a:ln w="12700" cap="flat" algn="ctr">
                <a:noFill/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rIns="0" rtlCol="0" anchor="ctr"/>
              <a:lstStyle/>
              <a:p>
                <a:pPr marL="0" marR="0" lvl="0" indent="0" algn="ctr" defTabSz="1828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0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Helvetica"/>
                    <a:sym typeface="Arial"/>
                  </a:rPr>
                  <a:t>19</a:t>
                </a:r>
                <a:endParaRPr kumimoji="0" lang="en-GB" sz="1000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Helvetica"/>
                  <a:sym typeface="Arial"/>
                </a:endParaRPr>
              </a:p>
            </p:txBody>
          </p:sp>
          <p:sp>
            <p:nvSpPr>
              <p:cNvPr id="32" name="Oval 31">
                <a:extLst>
                  <a:ext uri="{FF2B5EF4-FFF2-40B4-BE49-F238E27FC236}">
                    <a16:creationId xmlns:a16="http://schemas.microsoft.com/office/drawing/2014/main" id="{7468CD4A-F561-9CB3-2ADE-AFBDFDE02B13}"/>
                  </a:ext>
                </a:extLst>
              </p:cNvPr>
              <p:cNvSpPr/>
              <p:nvPr/>
            </p:nvSpPr>
            <p:spPr>
              <a:xfrm>
                <a:off x="577412" y="5228090"/>
                <a:ext cx="299885" cy="152584"/>
              </a:xfrm>
              <a:prstGeom prst="ellipse">
                <a:avLst/>
              </a:prstGeom>
              <a:noFill/>
              <a:ln w="12700" cap="flat" algn="ctr">
                <a:noFill/>
                <a:prstDash val="solid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rIns="0" rtlCol="0" anchor="ctr"/>
              <a:lstStyle/>
              <a:p>
                <a:pPr marL="0" marR="0" lvl="0" indent="0" algn="ctr" defTabSz="1828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da-DK" sz="10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Helvetica"/>
                    <a:sym typeface="Arial"/>
                  </a:rPr>
                  <a:t>20</a:t>
                </a:r>
                <a:endParaRPr kumimoji="0" lang="en-GB" sz="1000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Helvetica"/>
                  <a:sym typeface="Arial"/>
                </a:endParaRPr>
              </a:p>
            </p:txBody>
          </p:sp>
        </p:grpSp>
        <p:sp>
          <p:nvSpPr>
            <p:cNvPr id="13" name="Oval 12">
              <a:extLst>
                <a:ext uri="{FF2B5EF4-FFF2-40B4-BE49-F238E27FC236}">
                  <a16:creationId xmlns:a16="http://schemas.microsoft.com/office/drawing/2014/main" id="{F69C0D7A-406E-AEA5-0BAD-3A0266BB99DA}"/>
                </a:ext>
              </a:extLst>
            </p:cNvPr>
            <p:cNvSpPr/>
            <p:nvPr/>
          </p:nvSpPr>
          <p:spPr>
            <a:xfrm>
              <a:off x="489317" y="2604798"/>
              <a:ext cx="299888" cy="176873"/>
            </a:xfrm>
            <a:prstGeom prst="ellipse">
              <a:avLst/>
            </a:prstGeom>
            <a:noFill/>
            <a:ln w="12700" cap="flat" algn="ctr">
              <a:noFill/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rIns="0" rtlCol="0" anchor="ctr"/>
            <a:lstStyle/>
            <a:p>
              <a:pPr marL="0" marR="0" lvl="0" indent="0" algn="ctr" defTabSz="18288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Helvetica"/>
                  <a:sym typeface="Arial"/>
                </a:rPr>
                <a:t>6</a:t>
              </a:r>
            </a:p>
          </p:txBody>
        </p:sp>
      </p:grpSp>
      <p:sp>
        <p:nvSpPr>
          <p:cNvPr id="33" name="Oval 32">
            <a:extLst>
              <a:ext uri="{FF2B5EF4-FFF2-40B4-BE49-F238E27FC236}">
                <a16:creationId xmlns:a16="http://schemas.microsoft.com/office/drawing/2014/main" id="{19587FEF-75E2-8123-C030-D5C8801600DC}"/>
              </a:ext>
            </a:extLst>
          </p:cNvPr>
          <p:cNvSpPr/>
          <p:nvPr/>
        </p:nvSpPr>
        <p:spPr>
          <a:xfrm>
            <a:off x="1001188" y="1820178"/>
            <a:ext cx="288000" cy="288000"/>
          </a:xfrm>
          <a:prstGeom prst="ellipse">
            <a:avLst/>
          </a:prstGeom>
          <a:solidFill>
            <a:srgbClr val="0431A6"/>
          </a:solidFill>
          <a:ln w="12700" cap="flat" algn="ctr">
            <a:noFill/>
            <a:prstDash val="soli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marL="0" marR="0" lvl="0" indent="0" algn="ctr" defTabSz="1828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Helvetica"/>
              </a:rPr>
              <a:t>3</a:t>
            </a:r>
            <a:endParaRPr kumimoji="0" lang="en-GB" sz="2800" b="1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Helvetica"/>
              <a:sym typeface="Arial"/>
            </a:endParaRPr>
          </a:p>
        </p:txBody>
      </p:sp>
      <p:sp>
        <p:nvSpPr>
          <p:cNvPr id="34" name="TextBox 5">
            <a:extLst>
              <a:ext uri="{FF2B5EF4-FFF2-40B4-BE49-F238E27FC236}">
                <a16:creationId xmlns:a16="http://schemas.microsoft.com/office/drawing/2014/main" id="{776AE407-E737-C254-61F5-14863E8EC5F6}"/>
              </a:ext>
            </a:extLst>
          </p:cNvPr>
          <p:cNvSpPr txBox="1">
            <a:spLocks noChangeArrowheads="1"/>
          </p:cNvSpPr>
          <p:nvPr/>
        </p:nvSpPr>
        <p:spPr>
          <a:xfrm>
            <a:off x="1492250" y="6296168"/>
            <a:ext cx="2517036" cy="21544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 eaLnBrk="0" hangingPunct="0">
              <a:spcBef>
                <a:spcPct val="20000"/>
              </a:spcBef>
              <a:buClr>
                <a:srgbClr val="002664"/>
              </a:buClr>
              <a:defRPr sz="1600">
                <a:solidFill>
                  <a:schemeClr val="tx1"/>
                </a:solidFill>
                <a:latin typeface="Arial" charset="0"/>
                <a:cs typeface="Arial" charset="0"/>
              </a:defRPr>
            </a:lvl1pPr>
            <a:lvl2pPr marL="742950" indent="-285750" eaLnBrk="0" hangingPunct="0">
              <a:spcBef>
                <a:spcPct val="20000"/>
              </a:spcBef>
              <a:buClr>
                <a:srgbClr val="002664"/>
              </a:buClr>
              <a:buChar char="•"/>
              <a:defRPr sz="1600">
                <a:solidFill>
                  <a:schemeClr val="tx1"/>
                </a:solidFill>
                <a:latin typeface="Arial" charset="0"/>
                <a:cs typeface="Arial" charset="0"/>
              </a:defRPr>
            </a:lvl2pPr>
            <a:lvl3pPr marL="1143000" indent="-228600" eaLnBrk="0" hangingPunct="0">
              <a:spcBef>
                <a:spcPct val="20000"/>
              </a:spcBef>
              <a:buClr>
                <a:srgbClr val="002664"/>
              </a:buClr>
              <a:buChar char="•"/>
              <a:defRPr sz="1400">
                <a:solidFill>
                  <a:schemeClr val="tx1"/>
                </a:solidFill>
                <a:latin typeface="Arial" charset="0"/>
                <a:cs typeface="Arial" charset="0"/>
              </a:defRPr>
            </a:lvl3pPr>
            <a:lvl4pPr marL="1600200" indent="-228600" eaLnBrk="0" hangingPunct="0">
              <a:spcBef>
                <a:spcPct val="20000"/>
              </a:spcBef>
              <a:buClr>
                <a:srgbClr val="002664"/>
              </a:buClr>
              <a:buChar char="•"/>
              <a:defRPr sz="1200">
                <a:solidFill>
                  <a:schemeClr val="tx1"/>
                </a:solidFill>
                <a:latin typeface="Arial" charset="0"/>
                <a:cs typeface="Arial" charset="0"/>
              </a:defRPr>
            </a:lvl4pPr>
            <a:lvl5pPr marL="2057400" indent="-228600" eaLnBrk="0" hangingPunct="0">
              <a:spcBef>
                <a:spcPct val="20000"/>
              </a:spcBef>
              <a:buClr>
                <a:srgbClr val="002664"/>
              </a:buClr>
              <a:buChar char="•"/>
              <a:defRPr sz="1200">
                <a:solidFill>
                  <a:schemeClr val="tx1"/>
                </a:solidFill>
                <a:latin typeface="Arial" charset="0"/>
                <a:cs typeface="Arial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2664"/>
              </a:buClr>
              <a:buChar char="•"/>
              <a:defRPr sz="1200">
                <a:solidFill>
                  <a:schemeClr val="tx1"/>
                </a:solidFill>
                <a:latin typeface="Arial" charset="0"/>
                <a:cs typeface="Arial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2664"/>
              </a:buClr>
              <a:buChar char="•"/>
              <a:defRPr sz="1200">
                <a:solidFill>
                  <a:schemeClr val="tx1"/>
                </a:solidFill>
                <a:latin typeface="Arial" charset="0"/>
                <a:cs typeface="Arial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2664"/>
              </a:buClr>
              <a:buChar char="•"/>
              <a:defRPr sz="1200">
                <a:solidFill>
                  <a:schemeClr val="tx1"/>
                </a:solidFill>
                <a:latin typeface="Arial" charset="0"/>
                <a:cs typeface="Arial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2664"/>
              </a:buClr>
              <a:buChar char="•"/>
              <a:defRPr sz="1200">
                <a:solidFill>
                  <a:schemeClr val="tx1"/>
                </a:solidFill>
                <a:latin typeface="Arial" charset="0"/>
                <a:cs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altLang="en-US" sz="800" b="0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charset="0"/>
                <a:ea typeface="+mn-ea"/>
                <a:cs typeface="Arial" charset="0"/>
                <a:sym typeface="Arial" charset="0"/>
              </a:rPr>
              <a:t>Sources: Armstrong &amp; Associates, DSV estimates. </a:t>
            </a:r>
          </a:p>
        </p:txBody>
      </p:sp>
      <p:grpSp>
        <p:nvGrpSpPr>
          <p:cNvPr id="36" name="Group 35">
            <a:extLst>
              <a:ext uri="{FF2B5EF4-FFF2-40B4-BE49-F238E27FC236}">
                <a16:creationId xmlns:a16="http://schemas.microsoft.com/office/drawing/2014/main" id="{18A5B007-6957-5B0E-7755-E945EC96FA43}"/>
              </a:ext>
            </a:extLst>
          </p:cNvPr>
          <p:cNvGrpSpPr/>
          <p:nvPr/>
        </p:nvGrpSpPr>
        <p:grpSpPr>
          <a:xfrm>
            <a:off x="5738581" y="3980504"/>
            <a:ext cx="2910215" cy="1637992"/>
            <a:chOff x="15105638" y="3464272"/>
            <a:chExt cx="4136896" cy="2328419"/>
          </a:xfrm>
        </p:grpSpPr>
        <p:sp>
          <p:nvSpPr>
            <p:cNvPr id="37" name="Oval 36">
              <a:extLst>
                <a:ext uri="{FF2B5EF4-FFF2-40B4-BE49-F238E27FC236}">
                  <a16:creationId xmlns:a16="http://schemas.microsoft.com/office/drawing/2014/main" id="{9740B49C-2043-F8DB-6724-7F870417265E}"/>
                </a:ext>
              </a:extLst>
            </p:cNvPr>
            <p:cNvSpPr/>
            <p:nvPr/>
          </p:nvSpPr>
          <p:spPr>
            <a:xfrm>
              <a:off x="15105638" y="3464272"/>
              <a:ext cx="2328420" cy="2328419"/>
            </a:xfrm>
            <a:prstGeom prst="ellipse">
              <a:avLst/>
            </a:prstGeom>
            <a:solidFill>
              <a:srgbClr val="BFDCEC"/>
            </a:solidFill>
          </p:spPr>
          <p:txBody>
            <a:bodyPr wrap="square" lIns="0" tIns="0" rIns="0" bIns="0" rtlCol="0" anchor="t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2400" b="1" i="0" u="none" strike="noStrike" kern="1200" cap="none" spc="0" normalizeH="0" baseline="0" noProof="0">
                <a:ln>
                  <a:noFill/>
                </a:ln>
                <a:solidFill>
                  <a:srgbClr val="002664"/>
                </a:solidFill>
                <a:effectLst/>
                <a:uLnTx/>
                <a:uFillTx/>
                <a:latin typeface="Arial"/>
                <a:ea typeface="+mn-ea"/>
                <a:cs typeface="Segoe UI" panose="020B0502040204020203" pitchFamily="34" charset="0"/>
              </a:endParaRPr>
            </a:p>
          </p:txBody>
        </p: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FF3CE01A-4A70-B54C-5139-A7AC8C39156B}"/>
                </a:ext>
              </a:extLst>
            </p:cNvPr>
            <p:cNvSpPr/>
            <p:nvPr/>
          </p:nvSpPr>
          <p:spPr>
            <a:xfrm>
              <a:off x="15767086" y="4601279"/>
              <a:ext cx="3357960" cy="98439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300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Helvetica"/>
                </a:rPr>
                <a:t>The estimated market share of the top 20 third-party logistics providers</a:t>
              </a: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AA940942-E6D1-409C-2306-422A94528DB8}"/>
                </a:ext>
              </a:extLst>
            </p:cNvPr>
            <p:cNvSpPr/>
            <p:nvPr/>
          </p:nvSpPr>
          <p:spPr>
            <a:xfrm>
              <a:off x="15767084" y="3558335"/>
              <a:ext cx="3475450" cy="1093767"/>
            </a:xfrm>
            <a:prstGeom prst="rect">
              <a:avLst/>
            </a:prstGeom>
            <a:noFill/>
          </p:spPr>
          <p:txBody>
            <a:bodyPr wrap="non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4400" b="1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Helvetica"/>
                </a:rPr>
                <a:t>30 - 40%</a:t>
              </a:r>
            </a:p>
          </p:txBody>
        </p:sp>
      </p:grpSp>
      <p:grpSp>
        <p:nvGrpSpPr>
          <p:cNvPr id="40" name="Group 39">
            <a:extLst>
              <a:ext uri="{FF2B5EF4-FFF2-40B4-BE49-F238E27FC236}">
                <a16:creationId xmlns:a16="http://schemas.microsoft.com/office/drawing/2014/main" id="{ECFB2179-4C9B-EE84-FDAD-27CF2A4C939F}"/>
              </a:ext>
            </a:extLst>
          </p:cNvPr>
          <p:cNvGrpSpPr/>
          <p:nvPr/>
        </p:nvGrpSpPr>
        <p:grpSpPr>
          <a:xfrm>
            <a:off x="8886920" y="2503678"/>
            <a:ext cx="2318931" cy="1684104"/>
            <a:chOff x="15003629" y="3451039"/>
            <a:chExt cx="3206119" cy="2328419"/>
          </a:xfrm>
        </p:grpSpPr>
        <p:sp>
          <p:nvSpPr>
            <p:cNvPr id="41" name="Oval 40">
              <a:extLst>
                <a:ext uri="{FF2B5EF4-FFF2-40B4-BE49-F238E27FC236}">
                  <a16:creationId xmlns:a16="http://schemas.microsoft.com/office/drawing/2014/main" id="{E736F52F-77D1-08E3-F50B-6A41893F98C6}"/>
                </a:ext>
              </a:extLst>
            </p:cNvPr>
            <p:cNvSpPr/>
            <p:nvPr/>
          </p:nvSpPr>
          <p:spPr>
            <a:xfrm>
              <a:off x="15003629" y="3451039"/>
              <a:ext cx="2328418" cy="2328419"/>
            </a:xfrm>
            <a:prstGeom prst="ellipse">
              <a:avLst/>
            </a:prstGeom>
            <a:solidFill>
              <a:srgbClr val="BFDCEC"/>
            </a:solidFill>
          </p:spPr>
          <p:txBody>
            <a:bodyPr wrap="square" lIns="0" tIns="0" rIns="0" bIns="0" rtlCol="0" anchor="t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2800" b="1" i="0" u="none" strike="noStrike" kern="1200" cap="none" spc="0" normalizeH="0" baseline="0" noProof="0">
                <a:ln>
                  <a:noFill/>
                </a:ln>
                <a:solidFill>
                  <a:srgbClr val="002664"/>
                </a:solidFill>
                <a:effectLst/>
                <a:uLnTx/>
                <a:uFillTx/>
                <a:latin typeface="Arial"/>
                <a:ea typeface="+mn-ea"/>
                <a:cs typeface="Segoe UI" panose="020B0502040204020203" pitchFamily="34" charset="0"/>
              </a:endParaRPr>
            </a:p>
          </p:txBody>
        </p: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A472F8AB-FFE0-3D4D-2C68-4726A31153C8}"/>
                </a:ext>
              </a:extLst>
            </p:cNvPr>
            <p:cNvSpPr/>
            <p:nvPr/>
          </p:nvSpPr>
          <p:spPr>
            <a:xfrm>
              <a:off x="15612394" y="4642029"/>
              <a:ext cx="2597354" cy="68084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300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Helvetica"/>
                </a:rPr>
                <a:t>The estimated market share of DSV</a:t>
              </a:r>
            </a:p>
          </p:txBody>
        </p:sp>
        <p:sp>
          <p:nvSpPr>
            <p:cNvPr id="43" name="Rectangle 42">
              <a:extLst>
                <a:ext uri="{FF2B5EF4-FFF2-40B4-BE49-F238E27FC236}">
                  <a16:creationId xmlns:a16="http://schemas.microsoft.com/office/drawing/2014/main" id="{5DB4D058-C005-CD15-39B8-391518824491}"/>
                </a:ext>
              </a:extLst>
            </p:cNvPr>
            <p:cNvSpPr/>
            <p:nvPr/>
          </p:nvSpPr>
          <p:spPr>
            <a:xfrm>
              <a:off x="15665083" y="3623925"/>
              <a:ext cx="1485357" cy="114892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4800" b="1" i="0" u="none" strike="noStrike" kern="1200" cap="none" spc="0" normalizeH="0" baseline="0" noProof="0" dirty="0">
                  <a:ln>
                    <a:noFill/>
                  </a:ln>
                  <a:solidFill>
                    <a:srgbClr val="0431A6"/>
                  </a:solidFill>
                  <a:effectLst/>
                  <a:uLnTx/>
                  <a:uFillTx/>
                  <a:latin typeface="Arial"/>
                  <a:ea typeface="+mn-ea"/>
                  <a:cs typeface="Helvetica"/>
                </a:rPr>
                <a:t>4%</a:t>
              </a:r>
            </a:p>
          </p:txBody>
        </p:sp>
      </p:grpSp>
      <p:sp>
        <p:nvSpPr>
          <p:cNvPr id="6" name="Arc 5">
            <a:extLst>
              <a:ext uri="{FF2B5EF4-FFF2-40B4-BE49-F238E27FC236}">
                <a16:creationId xmlns:a16="http://schemas.microsoft.com/office/drawing/2014/main" id="{2C2FEB71-0733-4818-0E99-23D0B26C9FC5}"/>
              </a:ext>
            </a:extLst>
          </p:cNvPr>
          <p:cNvSpPr/>
          <p:nvPr/>
        </p:nvSpPr>
        <p:spPr>
          <a:xfrm rot="9095481">
            <a:off x="8743879" y="1329078"/>
            <a:ext cx="1260000" cy="1316340"/>
          </a:xfrm>
          <a:prstGeom prst="arc">
            <a:avLst>
              <a:gd name="adj1" fmla="val 18879888"/>
              <a:gd name="adj2" fmla="val 960697"/>
            </a:avLst>
          </a:prstGeom>
          <a:ln w="19050" cap="flat" algn="ctr">
            <a:solidFill>
              <a:srgbClr val="0431A6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>
            <a:lvl1pPr marL="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96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Helvetica"/>
            </a:endParaRPr>
          </a:p>
        </p:txBody>
      </p:sp>
      <p:sp>
        <p:nvSpPr>
          <p:cNvPr id="48" name="Slide Number Placeholder 5">
            <a:extLst>
              <a:ext uri="{FF2B5EF4-FFF2-40B4-BE49-F238E27FC236}">
                <a16:creationId xmlns:a16="http://schemas.microsoft.com/office/drawing/2014/main" id="{6FC58EAE-4695-A93B-E382-E75D35F7CE3C}"/>
              </a:ext>
            </a:extLst>
          </p:cNvPr>
          <p:cNvSpPr txBox="1">
            <a:spLocks/>
          </p:cNvSpPr>
          <p:nvPr/>
        </p:nvSpPr>
        <p:spPr>
          <a:xfrm>
            <a:off x="10541000" y="6178777"/>
            <a:ext cx="635000" cy="123111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wrap="square" lIns="0" tIns="0" rIns="0" bIns="0">
            <a:spAutoFit/>
          </a:bodyPr>
          <a:lstStyle>
            <a:defPPr marL="0" marR="0" indent="0" algn="l" defTabSz="914400" rtl="0" fontAlgn="auto" latinLnBrk="1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</a:defRPr>
            </a:defPPr>
            <a:lvl1pPr marL="0" marR="0" indent="0" algn="r" defTabSz="18288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4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j-lt"/>
                <a:ea typeface="+mj-ea"/>
                <a:cs typeface="+mj-cs"/>
                <a:sym typeface="Arial"/>
              </a:defRPr>
            </a:lvl1pPr>
            <a:lvl2pPr marL="0" marR="0" indent="457200" algn="l" defTabSz="18288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36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j-lt"/>
                <a:ea typeface="+mj-ea"/>
                <a:cs typeface="+mj-cs"/>
                <a:sym typeface="Arial"/>
              </a:defRPr>
            </a:lvl2pPr>
            <a:lvl3pPr marL="0" marR="0" indent="914400" algn="l" defTabSz="18288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36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j-lt"/>
                <a:ea typeface="+mj-ea"/>
                <a:cs typeface="+mj-cs"/>
                <a:sym typeface="Arial"/>
              </a:defRPr>
            </a:lvl3pPr>
            <a:lvl4pPr marL="0" marR="0" indent="1371600" algn="l" defTabSz="18288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36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j-lt"/>
                <a:ea typeface="+mj-ea"/>
                <a:cs typeface="+mj-cs"/>
                <a:sym typeface="Arial"/>
              </a:defRPr>
            </a:lvl4pPr>
            <a:lvl5pPr marL="0" marR="0" indent="1828800" algn="l" defTabSz="18288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36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j-lt"/>
                <a:ea typeface="+mj-ea"/>
                <a:cs typeface="+mj-cs"/>
                <a:sym typeface="Arial"/>
              </a:defRPr>
            </a:lvl5pPr>
            <a:lvl6pPr marL="0" marR="0" indent="2286000" algn="l" defTabSz="18288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36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j-lt"/>
                <a:ea typeface="+mj-ea"/>
                <a:cs typeface="+mj-cs"/>
                <a:sym typeface="Arial"/>
              </a:defRPr>
            </a:lvl6pPr>
            <a:lvl7pPr marL="0" marR="0" indent="2743200" algn="l" defTabSz="18288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36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j-lt"/>
                <a:ea typeface="+mj-ea"/>
                <a:cs typeface="+mj-cs"/>
                <a:sym typeface="Arial"/>
              </a:defRPr>
            </a:lvl7pPr>
            <a:lvl8pPr marL="0" marR="0" indent="3200400" algn="l" defTabSz="18288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36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j-lt"/>
                <a:ea typeface="+mj-ea"/>
                <a:cs typeface="+mj-cs"/>
                <a:sym typeface="Arial"/>
              </a:defRPr>
            </a:lvl8pPr>
            <a:lvl9pPr marL="0" marR="0" indent="3657600" algn="l" defTabSz="18288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3600" b="0" i="0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j-lt"/>
                <a:ea typeface="+mj-ea"/>
                <a:cs typeface="+mj-cs"/>
                <a:sym typeface="Arial"/>
              </a:defRPr>
            </a:lvl9pPr>
          </a:lstStyle>
          <a:p>
            <a:pPr marL="0" marR="0" lvl="0" indent="0" algn="r" defTabSz="18288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6CB4B4D-7CA3-9044-876B-883B54F8677D}" type="slidenum">
              <a:rPr kumimoji="0" lang="da-DK" sz="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j-ea"/>
                <a:cs typeface="+mj-cs"/>
                <a:sym typeface="Arial"/>
              </a:rPr>
              <a:pPr marL="0" marR="0" lvl="0" indent="0" algn="r" defTabSz="182880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da-DK" sz="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j-ea"/>
              <a:cs typeface="+mj-cs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65797635"/>
      </p:ext>
    </p:extLst>
  </p:cSld>
  <p:clrMapOvr>
    <a:masterClrMapping/>
  </p:clrMapOvr>
  <p:transition spd="slow">
    <p:push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2C5378D-D113-7C10-4636-B09D35FAA61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ur IT landscap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DA1D74D7-AF72-44B5-CDD4-D54A25ED17E7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0EF7201-F92F-4B08-8CD8-21667D02614A}" type="slidenum">
              <a:rPr kumimoji="0" lang="en-US" sz="8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6D72E70-34BB-4197-8CF6-35A5AB0C16D1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C968453-BAB5-46CE-A4CF-38551120EE52}" type="datetime3">
              <a:rPr kumimoji="0" lang="en-US" sz="1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 December 2023</a:t>
            </a:fld>
            <a:endParaRPr kumimoji="0" lang="en-US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2E0D965-DF79-7820-4611-94B7708F136A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t>Add place via Insert, Header &amp; Footer</a:t>
            </a:r>
            <a:endParaRPr kumimoji="0" lang="en-US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07554F44-AF95-C7F8-FD23-A379C4B3179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dirty="0"/>
              <a:t>Designed to support good customer service, high data quality and growth</a:t>
            </a:r>
          </a:p>
          <a:p>
            <a:endParaRPr lang="en-GB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ACABF44F-F0E7-727A-E18B-95B59F1C5ABD}"/>
              </a:ext>
            </a:extLst>
          </p:cNvPr>
          <p:cNvSpPr txBox="1">
            <a:spLocks/>
          </p:cNvSpPr>
          <p:nvPr/>
        </p:nvSpPr>
        <p:spPr>
          <a:xfrm>
            <a:off x="4065929" y="1566525"/>
            <a:ext cx="956993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Customer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AB129B1D-DC29-7BCB-0B37-EE978A4A656F}"/>
              </a:ext>
            </a:extLst>
          </p:cNvPr>
          <p:cNvSpPr txBox="1">
            <a:spLocks/>
          </p:cNvSpPr>
          <p:nvPr/>
        </p:nvSpPr>
        <p:spPr>
          <a:xfrm>
            <a:off x="6793129" y="1549862"/>
            <a:ext cx="1738040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myDSV ∙ EDI / API</a:t>
            </a:r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8A75E84B-F034-14CF-237C-5D8C0D30BAE4}"/>
              </a:ext>
            </a:extLst>
          </p:cNvPr>
          <p:cNvSpPr>
            <a:spLocks/>
          </p:cNvSpPr>
          <p:nvPr/>
        </p:nvSpPr>
        <p:spPr>
          <a:xfrm>
            <a:off x="5242369" y="3338915"/>
            <a:ext cx="1693548" cy="1693548"/>
          </a:xfrm>
          <a:prstGeom prst="ellipse">
            <a:avLst/>
          </a:prstGeom>
          <a:solidFill>
            <a:srgbClr val="BFDCEC"/>
          </a:solidFill>
        </p:spPr>
        <p:txBody>
          <a:bodyPr wrap="square" lIns="0" tIns="0" rIns="0" bIns="0" rtlCol="0" anchor="t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1" i="0" u="none" strike="noStrike" kern="1200" cap="none" spc="0" normalizeH="0" baseline="0" noProof="0">
              <a:ln>
                <a:noFill/>
              </a:ln>
              <a:solidFill>
                <a:srgbClr val="0431A6"/>
              </a:solidFill>
              <a:effectLst/>
              <a:uLnTx/>
              <a:uFillTx/>
              <a:latin typeface="Arial"/>
              <a:ea typeface="+mn-ea"/>
              <a:cs typeface="Segoe UI" panose="020B0502040204020203" pitchFamily="34" charset="0"/>
            </a:endParaRPr>
          </a:p>
        </p:txBody>
      </p:sp>
      <p:sp>
        <p:nvSpPr>
          <p:cNvPr id="10" name="Rounded Rectangle 219">
            <a:extLst>
              <a:ext uri="{FF2B5EF4-FFF2-40B4-BE49-F238E27FC236}">
                <a16:creationId xmlns:a16="http://schemas.microsoft.com/office/drawing/2014/main" id="{398C1668-9F49-1E11-5652-103905084DD4}"/>
              </a:ext>
            </a:extLst>
          </p:cNvPr>
          <p:cNvSpPr>
            <a:spLocks/>
          </p:cNvSpPr>
          <p:nvPr/>
        </p:nvSpPr>
        <p:spPr>
          <a:xfrm>
            <a:off x="4907994" y="3292164"/>
            <a:ext cx="2351988" cy="526846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72000" rIns="72000" bIns="72000" rtlCol="0" anchor="t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0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Segoe UI" panose="020B0502040204020203" pitchFamily="34" charset="0"/>
              </a:rPr>
              <a:t>Road</a:t>
            </a:r>
            <a:endParaRPr kumimoji="0" lang="en-GB" sz="700" b="1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Segoe UI" panose="020B0502040204020203" pitchFamily="34" charset="0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C92C8A46-E8BE-262E-1B2D-B222B3884D39}"/>
              </a:ext>
            </a:extLst>
          </p:cNvPr>
          <p:cNvSpPr>
            <a:spLocks/>
          </p:cNvSpPr>
          <p:nvPr/>
        </p:nvSpPr>
        <p:spPr>
          <a:xfrm>
            <a:off x="4700088" y="4867678"/>
            <a:ext cx="2915795" cy="5078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71450" marR="0" lvl="0" indent="-17145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9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Segoe UI" panose="020B0502040204020203" pitchFamily="34" charset="0"/>
              </a:rPr>
              <a:t>One primary transport management system</a:t>
            </a:r>
          </a:p>
          <a:p>
            <a:pPr marL="171450" marR="0" lvl="0" indent="-17145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9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Segoe UI" panose="020B0502040204020203" pitchFamily="34" charset="0"/>
              </a:rPr>
              <a:t>New TMS system planned as part of Road Way Forward</a:t>
            </a: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2BA41A3B-9413-B2EC-E975-B08D2912EEFA}"/>
              </a:ext>
            </a:extLst>
          </p:cNvPr>
          <p:cNvSpPr>
            <a:spLocks/>
          </p:cNvSpPr>
          <p:nvPr/>
        </p:nvSpPr>
        <p:spPr>
          <a:xfrm>
            <a:off x="2324317" y="3338915"/>
            <a:ext cx="1693548" cy="1693548"/>
          </a:xfrm>
          <a:prstGeom prst="ellipse">
            <a:avLst/>
          </a:prstGeom>
          <a:solidFill>
            <a:srgbClr val="BFDCEC"/>
          </a:solidFill>
        </p:spPr>
        <p:txBody>
          <a:bodyPr wrap="square" lIns="0" tIns="0" rIns="0" bIns="0" rtlCol="0" anchor="t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1" i="0" u="none" strike="noStrike" kern="1200" cap="none" spc="0" normalizeH="0" baseline="0" noProof="0">
              <a:ln>
                <a:noFill/>
              </a:ln>
              <a:solidFill>
                <a:srgbClr val="0431A6"/>
              </a:solidFill>
              <a:effectLst/>
              <a:uLnTx/>
              <a:uFillTx/>
              <a:latin typeface="Arial"/>
              <a:ea typeface="+mn-ea"/>
              <a:cs typeface="Segoe UI" panose="020B0502040204020203" pitchFamily="34" charset="0"/>
            </a:endParaRPr>
          </a:p>
        </p:txBody>
      </p:sp>
      <p:sp>
        <p:nvSpPr>
          <p:cNvPr id="13" name="Rounded Rectangle 219">
            <a:extLst>
              <a:ext uri="{FF2B5EF4-FFF2-40B4-BE49-F238E27FC236}">
                <a16:creationId xmlns:a16="http://schemas.microsoft.com/office/drawing/2014/main" id="{7C16528C-4FE9-C082-CB62-A8F043757E11}"/>
              </a:ext>
            </a:extLst>
          </p:cNvPr>
          <p:cNvSpPr>
            <a:spLocks/>
          </p:cNvSpPr>
          <p:nvPr/>
        </p:nvSpPr>
        <p:spPr>
          <a:xfrm>
            <a:off x="2004211" y="3292164"/>
            <a:ext cx="2351988" cy="526846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72000" rIns="72000" bIns="72000" rtlCol="0" anchor="t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0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Segoe UI" panose="020B0502040204020203" pitchFamily="34" charset="0"/>
              </a:rPr>
              <a:t>Air and Sea</a:t>
            </a:r>
          </a:p>
        </p:txBody>
      </p:sp>
      <p:sp>
        <p:nvSpPr>
          <p:cNvPr id="40" name="Rectangle 39">
            <a:extLst>
              <a:ext uri="{FF2B5EF4-FFF2-40B4-BE49-F238E27FC236}">
                <a16:creationId xmlns:a16="http://schemas.microsoft.com/office/drawing/2014/main" id="{E1A09590-C84E-FC4E-BAB4-24526BAF9F77}"/>
              </a:ext>
            </a:extLst>
          </p:cNvPr>
          <p:cNvSpPr>
            <a:spLocks/>
          </p:cNvSpPr>
          <p:nvPr/>
        </p:nvSpPr>
        <p:spPr>
          <a:xfrm>
            <a:off x="1943751" y="4867678"/>
            <a:ext cx="2539214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71450" marR="0" lvl="0" indent="-17145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9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Segoe UI" panose="020B0502040204020203" pitchFamily="34" charset="0"/>
              </a:rPr>
              <a:t>Global transport management system</a:t>
            </a:r>
          </a:p>
          <a:p>
            <a:pPr marL="171450" marR="0" lvl="0" indent="-17145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9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Segoe UI" panose="020B0502040204020203" pitchFamily="34" charset="0"/>
              </a:rPr>
              <a:t>Off-the-shelf system </a:t>
            </a:r>
          </a:p>
        </p:txBody>
      </p:sp>
      <p:sp>
        <p:nvSpPr>
          <p:cNvPr id="41" name="Oval 40">
            <a:extLst>
              <a:ext uri="{FF2B5EF4-FFF2-40B4-BE49-F238E27FC236}">
                <a16:creationId xmlns:a16="http://schemas.microsoft.com/office/drawing/2014/main" id="{513CCD30-0B16-AAFD-CCC6-A3D8AAF8B0DC}"/>
              </a:ext>
            </a:extLst>
          </p:cNvPr>
          <p:cNvSpPr>
            <a:spLocks/>
          </p:cNvSpPr>
          <p:nvPr/>
        </p:nvSpPr>
        <p:spPr>
          <a:xfrm>
            <a:off x="8125607" y="3368049"/>
            <a:ext cx="1693548" cy="1693548"/>
          </a:xfrm>
          <a:prstGeom prst="ellipse">
            <a:avLst/>
          </a:prstGeom>
          <a:solidFill>
            <a:srgbClr val="BFDCEC"/>
          </a:solidFill>
        </p:spPr>
        <p:txBody>
          <a:bodyPr wrap="square" lIns="0" tIns="0" rIns="0" bIns="0" rtlCol="0" anchor="t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1" i="0" u="none" strike="noStrike" kern="1200" cap="none" spc="0" normalizeH="0" baseline="0" noProof="0">
              <a:ln>
                <a:noFill/>
              </a:ln>
              <a:solidFill>
                <a:srgbClr val="0431A6"/>
              </a:solidFill>
              <a:effectLst/>
              <a:uLnTx/>
              <a:uFillTx/>
              <a:latin typeface="Arial"/>
              <a:ea typeface="+mn-ea"/>
              <a:cs typeface="Segoe UI" panose="020B0502040204020203" pitchFamily="34" charset="0"/>
            </a:endParaRPr>
          </a:p>
        </p:txBody>
      </p:sp>
      <p:sp>
        <p:nvSpPr>
          <p:cNvPr id="42" name="Rounded Rectangle 219">
            <a:extLst>
              <a:ext uri="{FF2B5EF4-FFF2-40B4-BE49-F238E27FC236}">
                <a16:creationId xmlns:a16="http://schemas.microsoft.com/office/drawing/2014/main" id="{5CA44BFC-9C80-49DA-55A1-65B6859FF7F8}"/>
              </a:ext>
            </a:extLst>
          </p:cNvPr>
          <p:cNvSpPr>
            <a:spLocks/>
          </p:cNvSpPr>
          <p:nvPr/>
        </p:nvSpPr>
        <p:spPr>
          <a:xfrm>
            <a:off x="7890591" y="3263030"/>
            <a:ext cx="2180033" cy="55148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2000" tIns="72000" rIns="72000" bIns="72000" rtlCol="0" anchor="t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0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Segoe UI" panose="020B0502040204020203" pitchFamily="34" charset="0"/>
              </a:rPr>
              <a:t>Solutions</a:t>
            </a:r>
          </a:p>
        </p:txBody>
      </p:sp>
      <p:grpSp>
        <p:nvGrpSpPr>
          <p:cNvPr id="43" name="Group 42">
            <a:extLst>
              <a:ext uri="{FF2B5EF4-FFF2-40B4-BE49-F238E27FC236}">
                <a16:creationId xmlns:a16="http://schemas.microsoft.com/office/drawing/2014/main" id="{7CE9E2B8-2C40-2ED1-6C24-A45E41F05731}"/>
              </a:ext>
            </a:extLst>
          </p:cNvPr>
          <p:cNvGrpSpPr>
            <a:grpSpLocks/>
          </p:cNvGrpSpPr>
          <p:nvPr/>
        </p:nvGrpSpPr>
        <p:grpSpPr>
          <a:xfrm>
            <a:off x="8609649" y="3958754"/>
            <a:ext cx="741915" cy="572542"/>
            <a:chOff x="4316617" y="4986502"/>
            <a:chExt cx="741915" cy="572542"/>
          </a:xfrm>
        </p:grpSpPr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BD6ABDB2-DE68-37C3-5FCF-B59332BE5E9D}"/>
                </a:ext>
              </a:extLst>
            </p:cNvPr>
            <p:cNvSpPr/>
            <p:nvPr/>
          </p:nvSpPr>
          <p:spPr>
            <a:xfrm>
              <a:off x="4486982" y="5467973"/>
              <a:ext cx="116979" cy="91071"/>
            </a:xfrm>
            <a:custGeom>
              <a:avLst/>
              <a:gdLst>
                <a:gd name="connsiteX0" fmla="*/ 0 w 116979"/>
                <a:gd name="connsiteY0" fmla="*/ 0 h 91071"/>
                <a:gd name="connsiteX1" fmla="*/ 116979 w 116979"/>
                <a:gd name="connsiteY1" fmla="*/ 0 h 91071"/>
                <a:gd name="connsiteX2" fmla="*/ 116979 w 116979"/>
                <a:gd name="connsiteY2" fmla="*/ 91071 h 91071"/>
                <a:gd name="connsiteX3" fmla="*/ 0 w 116979"/>
                <a:gd name="connsiteY3" fmla="*/ 91071 h 910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6979" h="91071">
                  <a:moveTo>
                    <a:pt x="0" y="0"/>
                  </a:moveTo>
                  <a:lnTo>
                    <a:pt x="116979" y="0"/>
                  </a:lnTo>
                  <a:lnTo>
                    <a:pt x="116979" y="91071"/>
                  </a:lnTo>
                  <a:lnTo>
                    <a:pt x="0" y="91071"/>
                  </a:lnTo>
                  <a:close/>
                </a:path>
              </a:pathLst>
            </a:custGeom>
            <a:noFill/>
            <a:ln w="19050" cap="rnd">
              <a:solidFill>
                <a:srgbClr val="FFE68B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5" name="Freeform: Shape 44">
              <a:extLst>
                <a:ext uri="{FF2B5EF4-FFF2-40B4-BE49-F238E27FC236}">
                  <a16:creationId xmlns:a16="http://schemas.microsoft.com/office/drawing/2014/main" id="{1B942F9B-D281-B7B0-DD8F-C4980EFE1CDF}"/>
                </a:ext>
              </a:extLst>
            </p:cNvPr>
            <p:cNvSpPr/>
            <p:nvPr/>
          </p:nvSpPr>
          <p:spPr>
            <a:xfrm>
              <a:off x="4486982" y="5377687"/>
              <a:ext cx="116979" cy="91071"/>
            </a:xfrm>
            <a:custGeom>
              <a:avLst/>
              <a:gdLst>
                <a:gd name="connsiteX0" fmla="*/ 0 w 116979"/>
                <a:gd name="connsiteY0" fmla="*/ 0 h 91071"/>
                <a:gd name="connsiteX1" fmla="*/ 116979 w 116979"/>
                <a:gd name="connsiteY1" fmla="*/ 0 h 91071"/>
                <a:gd name="connsiteX2" fmla="*/ 116979 w 116979"/>
                <a:gd name="connsiteY2" fmla="*/ 91071 h 91071"/>
                <a:gd name="connsiteX3" fmla="*/ 0 w 116979"/>
                <a:gd name="connsiteY3" fmla="*/ 91071 h 910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6979" h="91071">
                  <a:moveTo>
                    <a:pt x="0" y="0"/>
                  </a:moveTo>
                  <a:lnTo>
                    <a:pt x="116979" y="0"/>
                  </a:lnTo>
                  <a:lnTo>
                    <a:pt x="116979" y="91071"/>
                  </a:lnTo>
                  <a:lnTo>
                    <a:pt x="0" y="91071"/>
                  </a:lnTo>
                  <a:close/>
                </a:path>
              </a:pathLst>
            </a:custGeom>
            <a:noFill/>
            <a:ln w="19050" cap="rnd">
              <a:solidFill>
                <a:srgbClr val="FFE68B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6" name="Freeform: Shape 45">
              <a:extLst>
                <a:ext uri="{FF2B5EF4-FFF2-40B4-BE49-F238E27FC236}">
                  <a16:creationId xmlns:a16="http://schemas.microsoft.com/office/drawing/2014/main" id="{33BE9E10-A830-03A0-AB0E-4694DC97B7C2}"/>
                </a:ext>
              </a:extLst>
            </p:cNvPr>
            <p:cNvSpPr/>
            <p:nvPr/>
          </p:nvSpPr>
          <p:spPr>
            <a:xfrm>
              <a:off x="4637721" y="5467973"/>
              <a:ext cx="116979" cy="91071"/>
            </a:xfrm>
            <a:custGeom>
              <a:avLst/>
              <a:gdLst>
                <a:gd name="connsiteX0" fmla="*/ 0 w 116979"/>
                <a:gd name="connsiteY0" fmla="*/ 0 h 91071"/>
                <a:gd name="connsiteX1" fmla="*/ 116979 w 116979"/>
                <a:gd name="connsiteY1" fmla="*/ 0 h 91071"/>
                <a:gd name="connsiteX2" fmla="*/ 116979 w 116979"/>
                <a:gd name="connsiteY2" fmla="*/ 91071 h 91071"/>
                <a:gd name="connsiteX3" fmla="*/ 0 w 116979"/>
                <a:gd name="connsiteY3" fmla="*/ 91071 h 910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16979" h="91071">
                  <a:moveTo>
                    <a:pt x="0" y="0"/>
                  </a:moveTo>
                  <a:lnTo>
                    <a:pt x="116979" y="0"/>
                  </a:lnTo>
                  <a:lnTo>
                    <a:pt x="116979" y="91071"/>
                  </a:lnTo>
                  <a:lnTo>
                    <a:pt x="0" y="91071"/>
                  </a:lnTo>
                  <a:close/>
                </a:path>
              </a:pathLst>
            </a:custGeom>
            <a:noFill/>
            <a:ln w="19050" cap="rnd">
              <a:solidFill>
                <a:srgbClr val="FFE68B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7" name="Freeform: Shape 46">
              <a:extLst>
                <a:ext uri="{FF2B5EF4-FFF2-40B4-BE49-F238E27FC236}">
                  <a16:creationId xmlns:a16="http://schemas.microsoft.com/office/drawing/2014/main" id="{AB150D7B-EEE8-7FC4-0337-422D26568EEF}"/>
                </a:ext>
              </a:extLst>
            </p:cNvPr>
            <p:cNvSpPr/>
            <p:nvPr/>
          </p:nvSpPr>
          <p:spPr>
            <a:xfrm>
              <a:off x="4326038" y="4986502"/>
              <a:ext cx="732494" cy="105987"/>
            </a:xfrm>
            <a:custGeom>
              <a:avLst/>
              <a:gdLst>
                <a:gd name="connsiteX0" fmla="*/ 732494 w 732494"/>
                <a:gd name="connsiteY0" fmla="*/ 105988 h 105987"/>
                <a:gd name="connsiteX1" fmla="*/ 365855 w 732494"/>
                <a:gd name="connsiteY1" fmla="*/ 0 h 105987"/>
                <a:gd name="connsiteX2" fmla="*/ 0 w 732494"/>
                <a:gd name="connsiteY2" fmla="*/ 105988 h 1059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732494" h="105987">
                  <a:moveTo>
                    <a:pt x="732494" y="105988"/>
                  </a:moveTo>
                  <a:lnTo>
                    <a:pt x="365855" y="0"/>
                  </a:lnTo>
                  <a:lnTo>
                    <a:pt x="0" y="105988"/>
                  </a:lnTo>
                  <a:close/>
                </a:path>
              </a:pathLst>
            </a:custGeom>
            <a:noFill/>
            <a:ln w="19050" cap="rnd">
              <a:solidFill>
                <a:schemeClr val="tx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8" name="Freeform: Shape 47">
              <a:extLst>
                <a:ext uri="{FF2B5EF4-FFF2-40B4-BE49-F238E27FC236}">
                  <a16:creationId xmlns:a16="http://schemas.microsoft.com/office/drawing/2014/main" id="{33932544-F3C5-8AE3-96ED-5C46ADA3872B}"/>
                </a:ext>
              </a:extLst>
            </p:cNvPr>
            <p:cNvSpPr/>
            <p:nvPr/>
          </p:nvSpPr>
          <p:spPr>
            <a:xfrm>
              <a:off x="4377854" y="5144514"/>
              <a:ext cx="628076" cy="414530"/>
            </a:xfrm>
            <a:custGeom>
              <a:avLst/>
              <a:gdLst>
                <a:gd name="connsiteX0" fmla="*/ 0 w 628076"/>
                <a:gd name="connsiteY0" fmla="*/ 0 h 414530"/>
                <a:gd name="connsiteX1" fmla="*/ 628077 w 628076"/>
                <a:gd name="connsiteY1" fmla="*/ 0 h 414530"/>
                <a:gd name="connsiteX2" fmla="*/ 628077 w 628076"/>
                <a:gd name="connsiteY2" fmla="*/ 414531 h 414530"/>
                <a:gd name="connsiteX3" fmla="*/ 0 w 628076"/>
                <a:gd name="connsiteY3" fmla="*/ 414531 h 41453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28076" h="414530">
                  <a:moveTo>
                    <a:pt x="0" y="0"/>
                  </a:moveTo>
                  <a:lnTo>
                    <a:pt x="628077" y="0"/>
                  </a:lnTo>
                  <a:lnTo>
                    <a:pt x="628077" y="414531"/>
                  </a:lnTo>
                  <a:lnTo>
                    <a:pt x="0" y="414531"/>
                  </a:lnTo>
                  <a:close/>
                </a:path>
              </a:pathLst>
            </a:custGeom>
            <a:noFill/>
            <a:ln w="19050" cap="rnd">
              <a:solidFill>
                <a:schemeClr val="tx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9" name="Freeform: Shape 48">
              <a:extLst>
                <a:ext uri="{FF2B5EF4-FFF2-40B4-BE49-F238E27FC236}">
                  <a16:creationId xmlns:a16="http://schemas.microsoft.com/office/drawing/2014/main" id="{BD46EDBD-6CC3-E0B9-EE4E-424B0833C572}"/>
                </a:ext>
              </a:extLst>
            </p:cNvPr>
            <p:cNvSpPr/>
            <p:nvPr/>
          </p:nvSpPr>
          <p:spPr>
            <a:xfrm>
              <a:off x="4432026" y="5310954"/>
              <a:ext cx="522088" cy="248090"/>
            </a:xfrm>
            <a:custGeom>
              <a:avLst/>
              <a:gdLst>
                <a:gd name="connsiteX0" fmla="*/ 0 w 522088"/>
                <a:gd name="connsiteY0" fmla="*/ 0 h 248090"/>
                <a:gd name="connsiteX1" fmla="*/ 522089 w 522088"/>
                <a:gd name="connsiteY1" fmla="*/ 0 h 248090"/>
                <a:gd name="connsiteX2" fmla="*/ 522089 w 522088"/>
                <a:gd name="connsiteY2" fmla="*/ 248090 h 248090"/>
                <a:gd name="connsiteX3" fmla="*/ 0 w 522088"/>
                <a:gd name="connsiteY3" fmla="*/ 248090 h 24809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22088" h="248090">
                  <a:moveTo>
                    <a:pt x="0" y="0"/>
                  </a:moveTo>
                  <a:lnTo>
                    <a:pt x="522089" y="0"/>
                  </a:lnTo>
                  <a:lnTo>
                    <a:pt x="522089" y="248090"/>
                  </a:lnTo>
                  <a:lnTo>
                    <a:pt x="0" y="248090"/>
                  </a:lnTo>
                  <a:close/>
                </a:path>
              </a:pathLst>
            </a:custGeom>
            <a:noFill/>
            <a:ln w="19050" cap="rnd">
              <a:solidFill>
                <a:schemeClr val="tx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0" name="Freeform: Shape 49">
              <a:extLst>
                <a:ext uri="{FF2B5EF4-FFF2-40B4-BE49-F238E27FC236}">
                  <a16:creationId xmlns:a16="http://schemas.microsoft.com/office/drawing/2014/main" id="{C37DAFB3-7D15-138A-9AAA-2C311FA40727}"/>
                </a:ext>
              </a:extLst>
            </p:cNvPr>
            <p:cNvSpPr/>
            <p:nvPr/>
          </p:nvSpPr>
          <p:spPr>
            <a:xfrm>
              <a:off x="4316617" y="4996131"/>
              <a:ext cx="7850" cy="7850"/>
            </a:xfrm>
            <a:custGeom>
              <a:avLst/>
              <a:gdLst/>
              <a:ahLst/>
              <a:cxnLst/>
              <a:rect l="l" t="t" r="r" b="b"/>
              <a:pathLst>
                <a:path w="7850" h="7850"/>
              </a:pathLst>
            </a:custGeom>
            <a:noFill/>
            <a:ln w="19050" cap="rnd">
              <a:solidFill>
                <a:schemeClr val="tx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sp>
        <p:nvSpPr>
          <p:cNvPr id="51" name="Rectangle 50">
            <a:extLst>
              <a:ext uri="{FF2B5EF4-FFF2-40B4-BE49-F238E27FC236}">
                <a16:creationId xmlns:a16="http://schemas.microsoft.com/office/drawing/2014/main" id="{FABD3BD7-AE6E-80AC-A41B-C057B830CCCE}"/>
              </a:ext>
            </a:extLst>
          </p:cNvPr>
          <p:cNvSpPr>
            <a:spLocks/>
          </p:cNvSpPr>
          <p:nvPr/>
        </p:nvSpPr>
        <p:spPr>
          <a:xfrm>
            <a:off x="7485938" y="4867678"/>
            <a:ext cx="2904339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71450" marR="0" lvl="0" indent="-17145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9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Segoe UI" panose="020B0502040204020203" pitchFamily="34" charset="0"/>
              </a:rPr>
              <a:t>Global warehouse management system</a:t>
            </a:r>
            <a:endParaRPr kumimoji="0" lang="en-GB" sz="900" b="0" i="0" u="none" strike="noStrike" kern="1200" cap="none" spc="0" normalizeH="0" baseline="0" noProof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Arial"/>
              <a:ea typeface="+mn-ea"/>
              <a:cs typeface="Segoe UI" panose="020B0502040204020203" pitchFamily="34" charset="0"/>
            </a:endParaRPr>
          </a:p>
          <a:p>
            <a:pPr marL="171450" marR="0" lvl="0" indent="-17145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9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Segoe UI" panose="020B0502040204020203" pitchFamily="34" charset="0"/>
              </a:rPr>
              <a:t>Modified off-the-shelf system</a:t>
            </a:r>
          </a:p>
        </p:txBody>
      </p:sp>
      <p:sp>
        <p:nvSpPr>
          <p:cNvPr id="52" name="Oval 51">
            <a:extLst>
              <a:ext uri="{FF2B5EF4-FFF2-40B4-BE49-F238E27FC236}">
                <a16:creationId xmlns:a16="http://schemas.microsoft.com/office/drawing/2014/main" id="{0C3033E5-827B-2C24-29F2-4FA9857A639D}"/>
              </a:ext>
            </a:extLst>
          </p:cNvPr>
          <p:cNvSpPr/>
          <p:nvPr/>
        </p:nvSpPr>
        <p:spPr>
          <a:xfrm rot="5400000">
            <a:off x="4138898" y="1926281"/>
            <a:ext cx="811052" cy="811052"/>
          </a:xfrm>
          <a:prstGeom prst="ellipse">
            <a:avLst/>
          </a:prstGeom>
          <a:solidFill>
            <a:srgbClr val="F2F2F2"/>
          </a:solidFill>
          <a:ln w="25400" cap="rnd">
            <a:noFill/>
          </a:ln>
        </p:spPr>
        <p:txBody>
          <a:bodyPr wrap="square" lIns="0" tIns="0" rIns="0" bIns="0" rtlCol="0" anchor="t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1" i="0" u="none" strike="noStrike" kern="1200" cap="none" spc="0" normalizeH="0" baseline="0" noProof="0">
              <a:ln>
                <a:noFill/>
              </a:ln>
              <a:solidFill>
                <a:srgbClr val="0431A6"/>
              </a:solidFill>
              <a:effectLst/>
              <a:uLnTx/>
              <a:uFillTx/>
              <a:latin typeface="Arial"/>
              <a:ea typeface="+mn-ea"/>
              <a:cs typeface="Segoe UI" panose="020B0502040204020203" pitchFamily="34" charset="0"/>
            </a:endParaRPr>
          </a:p>
        </p:txBody>
      </p:sp>
      <p:grpSp>
        <p:nvGrpSpPr>
          <p:cNvPr id="53" name="Graphic 3">
            <a:extLst>
              <a:ext uri="{FF2B5EF4-FFF2-40B4-BE49-F238E27FC236}">
                <a16:creationId xmlns:a16="http://schemas.microsoft.com/office/drawing/2014/main" id="{AC5E9081-B0C0-8FF3-5BC9-7086FEA49DBB}"/>
              </a:ext>
            </a:extLst>
          </p:cNvPr>
          <p:cNvGrpSpPr/>
          <p:nvPr/>
        </p:nvGrpSpPr>
        <p:grpSpPr>
          <a:xfrm>
            <a:off x="4420188" y="2045934"/>
            <a:ext cx="248598" cy="571778"/>
            <a:chOff x="6019800" y="3252787"/>
            <a:chExt cx="152399" cy="350519"/>
          </a:xfrm>
          <a:noFill/>
        </p:grpSpPr>
        <p:sp>
          <p:nvSpPr>
            <p:cNvPr id="54" name="Freeform: Shape 53">
              <a:extLst>
                <a:ext uri="{FF2B5EF4-FFF2-40B4-BE49-F238E27FC236}">
                  <a16:creationId xmlns:a16="http://schemas.microsoft.com/office/drawing/2014/main" id="{0990677A-F64D-62C3-B28C-0899C6F650D6}"/>
                </a:ext>
              </a:extLst>
            </p:cNvPr>
            <p:cNvSpPr/>
            <p:nvPr/>
          </p:nvSpPr>
          <p:spPr>
            <a:xfrm>
              <a:off x="6065520" y="3252787"/>
              <a:ext cx="60959" cy="76200"/>
            </a:xfrm>
            <a:custGeom>
              <a:avLst/>
              <a:gdLst>
                <a:gd name="connsiteX0" fmla="*/ 60960 w 60959"/>
                <a:gd name="connsiteY0" fmla="*/ 38100 h 76200"/>
                <a:gd name="connsiteX1" fmla="*/ 30480 w 60959"/>
                <a:gd name="connsiteY1" fmla="*/ 76200 h 76200"/>
                <a:gd name="connsiteX2" fmla="*/ 0 w 60959"/>
                <a:gd name="connsiteY2" fmla="*/ 38100 h 76200"/>
                <a:gd name="connsiteX3" fmla="*/ 30480 w 60959"/>
                <a:gd name="connsiteY3" fmla="*/ 0 h 76200"/>
                <a:gd name="connsiteX4" fmla="*/ 60960 w 60959"/>
                <a:gd name="connsiteY4" fmla="*/ 38100 h 762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60959" h="76200">
                  <a:moveTo>
                    <a:pt x="60960" y="38100"/>
                  </a:moveTo>
                  <a:cubicBezTo>
                    <a:pt x="60960" y="59142"/>
                    <a:pt x="47314" y="76200"/>
                    <a:pt x="30480" y="76200"/>
                  </a:cubicBezTo>
                  <a:cubicBezTo>
                    <a:pt x="13646" y="76200"/>
                    <a:pt x="0" y="59142"/>
                    <a:pt x="0" y="38100"/>
                  </a:cubicBezTo>
                  <a:cubicBezTo>
                    <a:pt x="0" y="17058"/>
                    <a:pt x="13646" y="0"/>
                    <a:pt x="30480" y="0"/>
                  </a:cubicBezTo>
                  <a:cubicBezTo>
                    <a:pt x="47314" y="0"/>
                    <a:pt x="60960" y="17058"/>
                    <a:pt x="60960" y="38100"/>
                  </a:cubicBezTo>
                  <a:close/>
                </a:path>
              </a:pathLst>
            </a:custGeom>
            <a:noFill/>
            <a:ln w="25400" cap="rnd">
              <a:solidFill>
                <a:schemeClr val="tx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5" name="Freeform: Shape 54">
              <a:extLst>
                <a:ext uri="{FF2B5EF4-FFF2-40B4-BE49-F238E27FC236}">
                  <a16:creationId xmlns:a16="http://schemas.microsoft.com/office/drawing/2014/main" id="{483BC794-1A31-D016-3B7C-B0B5BF24125C}"/>
                </a:ext>
              </a:extLst>
            </p:cNvPr>
            <p:cNvSpPr/>
            <p:nvPr/>
          </p:nvSpPr>
          <p:spPr>
            <a:xfrm>
              <a:off x="6141720" y="3405187"/>
              <a:ext cx="9525" cy="198119"/>
            </a:xfrm>
            <a:custGeom>
              <a:avLst/>
              <a:gdLst>
                <a:gd name="connsiteX0" fmla="*/ 0 w 9525"/>
                <a:gd name="connsiteY0" fmla="*/ 0 h 198119"/>
                <a:gd name="connsiteX1" fmla="*/ 0 w 9525"/>
                <a:gd name="connsiteY1" fmla="*/ 198120 h 19811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9525" h="198119">
                  <a:moveTo>
                    <a:pt x="0" y="0"/>
                  </a:moveTo>
                  <a:lnTo>
                    <a:pt x="0" y="198120"/>
                  </a:lnTo>
                </a:path>
              </a:pathLst>
            </a:custGeom>
            <a:ln w="25400" cap="rnd">
              <a:solidFill>
                <a:schemeClr val="tx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6" name="Freeform: Shape 55">
              <a:extLst>
                <a:ext uri="{FF2B5EF4-FFF2-40B4-BE49-F238E27FC236}">
                  <a16:creationId xmlns:a16="http://schemas.microsoft.com/office/drawing/2014/main" id="{3872AFC4-6B2D-1F79-B6A3-78A906477558}"/>
                </a:ext>
              </a:extLst>
            </p:cNvPr>
            <p:cNvSpPr/>
            <p:nvPr/>
          </p:nvSpPr>
          <p:spPr>
            <a:xfrm>
              <a:off x="6096000" y="3489007"/>
              <a:ext cx="9525" cy="114299"/>
            </a:xfrm>
            <a:custGeom>
              <a:avLst/>
              <a:gdLst>
                <a:gd name="connsiteX0" fmla="*/ 0 w 9525"/>
                <a:gd name="connsiteY0" fmla="*/ 114300 h 114299"/>
                <a:gd name="connsiteX1" fmla="*/ 0 w 9525"/>
                <a:gd name="connsiteY1" fmla="*/ 0 h 1142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9525" h="114299">
                  <a:moveTo>
                    <a:pt x="0" y="114300"/>
                  </a:moveTo>
                  <a:lnTo>
                    <a:pt x="0" y="0"/>
                  </a:lnTo>
                </a:path>
              </a:pathLst>
            </a:custGeom>
            <a:ln w="25400" cap="rnd">
              <a:solidFill>
                <a:schemeClr val="tx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4442CE95-0A89-7C7B-5079-888432862E08}"/>
                </a:ext>
              </a:extLst>
            </p:cNvPr>
            <p:cNvSpPr/>
            <p:nvPr/>
          </p:nvSpPr>
          <p:spPr>
            <a:xfrm>
              <a:off x="6118859" y="3351846"/>
              <a:ext cx="53340" cy="137159"/>
            </a:xfrm>
            <a:custGeom>
              <a:avLst/>
              <a:gdLst>
                <a:gd name="connsiteX0" fmla="*/ 0 w 53340"/>
                <a:gd name="connsiteY0" fmla="*/ 0 h 137159"/>
                <a:gd name="connsiteX1" fmla="*/ 7620 w 53340"/>
                <a:gd name="connsiteY1" fmla="*/ 0 h 137159"/>
                <a:gd name="connsiteX2" fmla="*/ 53340 w 53340"/>
                <a:gd name="connsiteY2" fmla="*/ 45720 h 137159"/>
                <a:gd name="connsiteX3" fmla="*/ 53340 w 53340"/>
                <a:gd name="connsiteY3" fmla="*/ 102870 h 137159"/>
                <a:gd name="connsiteX4" fmla="*/ 36195 w 53340"/>
                <a:gd name="connsiteY4" fmla="*/ 130493 h 137159"/>
                <a:gd name="connsiteX5" fmla="*/ 22860 w 53340"/>
                <a:gd name="connsiteY5" fmla="*/ 137160 h 1371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53340" h="137159">
                  <a:moveTo>
                    <a:pt x="0" y="0"/>
                  </a:moveTo>
                  <a:lnTo>
                    <a:pt x="7620" y="0"/>
                  </a:lnTo>
                  <a:cubicBezTo>
                    <a:pt x="33338" y="0"/>
                    <a:pt x="53340" y="20003"/>
                    <a:pt x="53340" y="45720"/>
                  </a:cubicBezTo>
                  <a:lnTo>
                    <a:pt x="53340" y="102870"/>
                  </a:lnTo>
                  <a:cubicBezTo>
                    <a:pt x="53340" y="114300"/>
                    <a:pt x="46672" y="124778"/>
                    <a:pt x="36195" y="130493"/>
                  </a:cubicBezTo>
                  <a:lnTo>
                    <a:pt x="22860" y="137160"/>
                  </a:lnTo>
                </a:path>
              </a:pathLst>
            </a:custGeom>
            <a:noFill/>
            <a:ln w="25400" cap="rnd">
              <a:solidFill>
                <a:schemeClr val="tx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8" name="Freeform: Shape 57">
              <a:extLst>
                <a:ext uri="{FF2B5EF4-FFF2-40B4-BE49-F238E27FC236}">
                  <a16:creationId xmlns:a16="http://schemas.microsoft.com/office/drawing/2014/main" id="{B965F5F3-0CA6-BDF2-C9B2-539100E9BA4A}"/>
                </a:ext>
              </a:extLst>
            </p:cNvPr>
            <p:cNvSpPr/>
            <p:nvPr/>
          </p:nvSpPr>
          <p:spPr>
            <a:xfrm>
              <a:off x="6019800" y="3351846"/>
              <a:ext cx="53339" cy="137159"/>
            </a:xfrm>
            <a:custGeom>
              <a:avLst/>
              <a:gdLst>
                <a:gd name="connsiteX0" fmla="*/ 53340 w 53339"/>
                <a:gd name="connsiteY0" fmla="*/ 0 h 137159"/>
                <a:gd name="connsiteX1" fmla="*/ 45720 w 53339"/>
                <a:gd name="connsiteY1" fmla="*/ 0 h 137159"/>
                <a:gd name="connsiteX2" fmla="*/ 0 w 53339"/>
                <a:gd name="connsiteY2" fmla="*/ 45720 h 137159"/>
                <a:gd name="connsiteX3" fmla="*/ 0 w 53339"/>
                <a:gd name="connsiteY3" fmla="*/ 102870 h 137159"/>
                <a:gd name="connsiteX4" fmla="*/ 17145 w 53339"/>
                <a:gd name="connsiteY4" fmla="*/ 130493 h 137159"/>
                <a:gd name="connsiteX5" fmla="*/ 30480 w 53339"/>
                <a:gd name="connsiteY5" fmla="*/ 137160 h 1371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53339" h="137159">
                  <a:moveTo>
                    <a:pt x="53340" y="0"/>
                  </a:moveTo>
                  <a:lnTo>
                    <a:pt x="45720" y="0"/>
                  </a:lnTo>
                  <a:cubicBezTo>
                    <a:pt x="20003" y="0"/>
                    <a:pt x="0" y="20003"/>
                    <a:pt x="0" y="45720"/>
                  </a:cubicBezTo>
                  <a:lnTo>
                    <a:pt x="0" y="102870"/>
                  </a:lnTo>
                  <a:cubicBezTo>
                    <a:pt x="0" y="114300"/>
                    <a:pt x="6668" y="124778"/>
                    <a:pt x="17145" y="130493"/>
                  </a:cubicBezTo>
                  <a:lnTo>
                    <a:pt x="30480" y="137160"/>
                  </a:lnTo>
                </a:path>
              </a:pathLst>
            </a:custGeom>
            <a:noFill/>
            <a:ln w="25400" cap="rnd">
              <a:solidFill>
                <a:schemeClr val="tx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9" name="Freeform: Shape 58">
              <a:extLst>
                <a:ext uri="{FF2B5EF4-FFF2-40B4-BE49-F238E27FC236}">
                  <a16:creationId xmlns:a16="http://schemas.microsoft.com/office/drawing/2014/main" id="{3FD04FF1-B557-0439-36F1-A2C6EB3583F8}"/>
                </a:ext>
              </a:extLst>
            </p:cNvPr>
            <p:cNvSpPr/>
            <p:nvPr/>
          </p:nvSpPr>
          <p:spPr>
            <a:xfrm>
              <a:off x="6050280" y="3403282"/>
              <a:ext cx="9525" cy="200024"/>
            </a:xfrm>
            <a:custGeom>
              <a:avLst/>
              <a:gdLst>
                <a:gd name="connsiteX0" fmla="*/ 0 w 9525"/>
                <a:gd name="connsiteY0" fmla="*/ 0 h 200024"/>
                <a:gd name="connsiteX1" fmla="*/ 0 w 9525"/>
                <a:gd name="connsiteY1" fmla="*/ 200025 h 2000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9525" h="200024">
                  <a:moveTo>
                    <a:pt x="0" y="0"/>
                  </a:moveTo>
                  <a:lnTo>
                    <a:pt x="0" y="200025"/>
                  </a:lnTo>
                </a:path>
              </a:pathLst>
            </a:custGeom>
            <a:ln w="25400" cap="rnd">
              <a:solidFill>
                <a:schemeClr val="tx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sp>
        <p:nvSpPr>
          <p:cNvPr id="60" name="Oval 59">
            <a:extLst>
              <a:ext uri="{FF2B5EF4-FFF2-40B4-BE49-F238E27FC236}">
                <a16:creationId xmlns:a16="http://schemas.microsoft.com/office/drawing/2014/main" id="{EF61F47B-3B76-AFCE-1392-75452B4525A5}"/>
              </a:ext>
            </a:extLst>
          </p:cNvPr>
          <p:cNvSpPr/>
          <p:nvPr/>
        </p:nvSpPr>
        <p:spPr>
          <a:xfrm rot="5400000">
            <a:off x="7256623" y="1926281"/>
            <a:ext cx="811052" cy="811052"/>
          </a:xfrm>
          <a:prstGeom prst="ellipse">
            <a:avLst/>
          </a:prstGeom>
          <a:solidFill>
            <a:srgbClr val="F2F2F2"/>
          </a:solidFill>
          <a:ln w="25400" cap="rnd">
            <a:noFill/>
          </a:ln>
        </p:spPr>
        <p:txBody>
          <a:bodyPr wrap="square" lIns="0" tIns="0" rIns="0" bIns="0" rtlCol="0" anchor="t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1" i="0" u="none" strike="noStrike" kern="1200" cap="none" spc="0" normalizeH="0" baseline="0" noProof="0">
              <a:ln>
                <a:noFill/>
              </a:ln>
              <a:solidFill>
                <a:srgbClr val="0431A6"/>
              </a:solidFill>
              <a:effectLst/>
              <a:uLnTx/>
              <a:uFillTx/>
              <a:latin typeface="Arial"/>
              <a:ea typeface="+mn-ea"/>
              <a:cs typeface="Segoe UI" panose="020B0502040204020203" pitchFamily="34" charset="0"/>
            </a:endParaRPr>
          </a:p>
        </p:txBody>
      </p:sp>
      <p:grpSp>
        <p:nvGrpSpPr>
          <p:cNvPr id="61" name="Graphic 155">
            <a:extLst>
              <a:ext uri="{FF2B5EF4-FFF2-40B4-BE49-F238E27FC236}">
                <a16:creationId xmlns:a16="http://schemas.microsoft.com/office/drawing/2014/main" id="{1779EAD2-841D-63D0-6C5F-1925D36CE584}"/>
              </a:ext>
            </a:extLst>
          </p:cNvPr>
          <p:cNvGrpSpPr/>
          <p:nvPr/>
        </p:nvGrpSpPr>
        <p:grpSpPr>
          <a:xfrm>
            <a:off x="7447885" y="2149327"/>
            <a:ext cx="421889" cy="373285"/>
            <a:chOff x="5270181" y="2703194"/>
            <a:chExt cx="1653540" cy="1463041"/>
          </a:xfrm>
          <a:solidFill>
            <a:srgbClr val="FFFFFF"/>
          </a:solidFill>
        </p:grpSpPr>
        <p:grpSp>
          <p:nvGrpSpPr>
            <p:cNvPr id="62" name="Graphic 155">
              <a:extLst>
                <a:ext uri="{FF2B5EF4-FFF2-40B4-BE49-F238E27FC236}">
                  <a16:creationId xmlns:a16="http://schemas.microsoft.com/office/drawing/2014/main" id="{17E3570D-32A9-73C5-977F-41EDAC9D1DC4}"/>
                </a:ext>
              </a:extLst>
            </p:cNvPr>
            <p:cNvGrpSpPr/>
            <p:nvPr/>
          </p:nvGrpSpPr>
          <p:grpSpPr>
            <a:xfrm>
              <a:off x="5270181" y="2703194"/>
              <a:ext cx="1653539" cy="1463041"/>
              <a:chOff x="5270181" y="2703194"/>
              <a:chExt cx="1653539" cy="1463041"/>
            </a:xfrm>
            <a:solidFill>
              <a:srgbClr val="FFFFFF"/>
            </a:solidFill>
          </p:grpSpPr>
          <p:sp>
            <p:nvSpPr>
              <p:cNvPr id="65" name="Freeform: Shape 64">
                <a:extLst>
                  <a:ext uri="{FF2B5EF4-FFF2-40B4-BE49-F238E27FC236}">
                    <a16:creationId xmlns:a16="http://schemas.microsoft.com/office/drawing/2014/main" id="{EE7098DC-5B17-3CF9-73DF-A5D8BEC4C113}"/>
                  </a:ext>
                </a:extLst>
              </p:cNvPr>
              <p:cNvSpPr/>
              <p:nvPr/>
            </p:nvSpPr>
            <p:spPr>
              <a:xfrm>
                <a:off x="5270181" y="2703194"/>
                <a:ext cx="1653539" cy="1197292"/>
              </a:xfrm>
              <a:custGeom>
                <a:avLst/>
                <a:gdLst>
                  <a:gd name="connsiteX0" fmla="*/ 1618298 w 1653539"/>
                  <a:gd name="connsiteY0" fmla="*/ 1197293 h 1197292"/>
                  <a:gd name="connsiteX1" fmla="*/ 35243 w 1653539"/>
                  <a:gd name="connsiteY1" fmla="*/ 1197293 h 1197292"/>
                  <a:gd name="connsiteX2" fmla="*/ 0 w 1653539"/>
                  <a:gd name="connsiteY2" fmla="*/ 1162050 h 1197292"/>
                  <a:gd name="connsiteX3" fmla="*/ 0 w 1653539"/>
                  <a:gd name="connsiteY3" fmla="*/ 35243 h 1197292"/>
                  <a:gd name="connsiteX4" fmla="*/ 35243 w 1653539"/>
                  <a:gd name="connsiteY4" fmla="*/ 0 h 1197292"/>
                  <a:gd name="connsiteX5" fmla="*/ 1618298 w 1653539"/>
                  <a:gd name="connsiteY5" fmla="*/ 0 h 1197292"/>
                  <a:gd name="connsiteX6" fmla="*/ 1653540 w 1653539"/>
                  <a:gd name="connsiteY6" fmla="*/ 35243 h 1197292"/>
                  <a:gd name="connsiteX7" fmla="*/ 1653540 w 1653539"/>
                  <a:gd name="connsiteY7" fmla="*/ 1162050 h 1197292"/>
                  <a:gd name="connsiteX8" fmla="*/ 1618298 w 1653539"/>
                  <a:gd name="connsiteY8" fmla="*/ 1197293 h 11972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1653539" h="1197292">
                    <a:moveTo>
                      <a:pt x="1618298" y="1197293"/>
                    </a:moveTo>
                    <a:lnTo>
                      <a:pt x="35243" y="1197293"/>
                    </a:lnTo>
                    <a:cubicBezTo>
                      <a:pt x="15240" y="1197293"/>
                      <a:pt x="0" y="1181100"/>
                      <a:pt x="0" y="1162050"/>
                    </a:cubicBezTo>
                    <a:lnTo>
                      <a:pt x="0" y="35243"/>
                    </a:lnTo>
                    <a:cubicBezTo>
                      <a:pt x="0" y="15240"/>
                      <a:pt x="16193" y="0"/>
                      <a:pt x="35243" y="0"/>
                    </a:cubicBezTo>
                    <a:lnTo>
                      <a:pt x="1618298" y="0"/>
                    </a:lnTo>
                    <a:cubicBezTo>
                      <a:pt x="1638300" y="0"/>
                      <a:pt x="1653540" y="16193"/>
                      <a:pt x="1653540" y="35243"/>
                    </a:cubicBezTo>
                    <a:lnTo>
                      <a:pt x="1653540" y="1162050"/>
                    </a:lnTo>
                    <a:cubicBezTo>
                      <a:pt x="1653540" y="1181100"/>
                      <a:pt x="1637348" y="1197293"/>
                      <a:pt x="1618298" y="1197293"/>
                    </a:cubicBezTo>
                    <a:close/>
                  </a:path>
                </a:pathLst>
              </a:custGeom>
              <a:noFill/>
              <a:ln w="254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3600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66" name="Freeform: Shape 65">
                <a:extLst>
                  <a:ext uri="{FF2B5EF4-FFF2-40B4-BE49-F238E27FC236}">
                    <a16:creationId xmlns:a16="http://schemas.microsoft.com/office/drawing/2014/main" id="{44839185-E648-52F8-3382-4F058518631C}"/>
                  </a:ext>
                </a:extLst>
              </p:cNvPr>
              <p:cNvSpPr/>
              <p:nvPr/>
            </p:nvSpPr>
            <p:spPr>
              <a:xfrm>
                <a:off x="5878829" y="3900487"/>
                <a:ext cx="439102" cy="257175"/>
              </a:xfrm>
              <a:custGeom>
                <a:avLst/>
                <a:gdLst>
                  <a:gd name="connsiteX0" fmla="*/ 0 w 439102"/>
                  <a:gd name="connsiteY0" fmla="*/ 0 h 257175"/>
                  <a:gd name="connsiteX1" fmla="*/ 439102 w 439102"/>
                  <a:gd name="connsiteY1" fmla="*/ 0 h 257175"/>
                  <a:gd name="connsiteX2" fmla="*/ 439102 w 439102"/>
                  <a:gd name="connsiteY2" fmla="*/ 257175 h 257175"/>
                  <a:gd name="connsiteX3" fmla="*/ 0 w 439102"/>
                  <a:gd name="connsiteY3" fmla="*/ 257175 h 2571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39102" h="257175">
                    <a:moveTo>
                      <a:pt x="0" y="0"/>
                    </a:moveTo>
                    <a:lnTo>
                      <a:pt x="439102" y="0"/>
                    </a:lnTo>
                    <a:lnTo>
                      <a:pt x="439102" y="257175"/>
                    </a:lnTo>
                    <a:lnTo>
                      <a:pt x="0" y="257175"/>
                    </a:lnTo>
                    <a:close/>
                  </a:path>
                </a:pathLst>
              </a:custGeom>
              <a:noFill/>
              <a:ln w="254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3600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67" name="Freeform: Shape 66">
                <a:extLst>
                  <a:ext uri="{FF2B5EF4-FFF2-40B4-BE49-F238E27FC236}">
                    <a16:creationId xmlns:a16="http://schemas.microsoft.com/office/drawing/2014/main" id="{237B62FD-C588-3CBE-1851-2C770E11E609}"/>
                  </a:ext>
                </a:extLst>
              </p:cNvPr>
              <p:cNvSpPr/>
              <p:nvPr/>
            </p:nvSpPr>
            <p:spPr>
              <a:xfrm>
                <a:off x="5654039" y="4156710"/>
                <a:ext cx="883920" cy="9525"/>
              </a:xfrm>
              <a:custGeom>
                <a:avLst/>
                <a:gdLst>
                  <a:gd name="connsiteX0" fmla="*/ 0 w 883920"/>
                  <a:gd name="connsiteY0" fmla="*/ 0 h 9525"/>
                  <a:gd name="connsiteX1" fmla="*/ 883920 w 883920"/>
                  <a:gd name="connsiteY1" fmla="*/ 0 h 95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883920" h="9525">
                    <a:moveTo>
                      <a:pt x="0" y="0"/>
                    </a:moveTo>
                    <a:lnTo>
                      <a:pt x="883920" y="0"/>
                    </a:lnTo>
                  </a:path>
                </a:pathLst>
              </a:custGeom>
              <a:ln w="254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3600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  <p:sp>
          <p:nvSpPr>
            <p:cNvPr id="63" name="Freeform: Shape 62">
              <a:extLst>
                <a:ext uri="{FF2B5EF4-FFF2-40B4-BE49-F238E27FC236}">
                  <a16:creationId xmlns:a16="http://schemas.microsoft.com/office/drawing/2014/main" id="{F501B8DB-6C8E-0087-68C8-D41386F2CFA2}"/>
                </a:ext>
              </a:extLst>
            </p:cNvPr>
            <p:cNvSpPr/>
            <p:nvPr/>
          </p:nvSpPr>
          <p:spPr>
            <a:xfrm>
              <a:off x="5270182" y="3694747"/>
              <a:ext cx="1016317" cy="9525"/>
            </a:xfrm>
            <a:custGeom>
              <a:avLst/>
              <a:gdLst>
                <a:gd name="connsiteX0" fmla="*/ 0 w 1016317"/>
                <a:gd name="connsiteY0" fmla="*/ 0 h 9525"/>
                <a:gd name="connsiteX1" fmla="*/ 1016318 w 1016317"/>
                <a:gd name="connsiteY1" fmla="*/ 0 h 9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1016317" h="9525">
                  <a:moveTo>
                    <a:pt x="0" y="0"/>
                  </a:moveTo>
                  <a:lnTo>
                    <a:pt x="1016318" y="0"/>
                  </a:lnTo>
                </a:path>
              </a:pathLst>
            </a:custGeom>
            <a:ln w="25400" cap="rnd">
              <a:solidFill>
                <a:schemeClr val="tx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4" name="Freeform: Shape 63">
              <a:extLst>
                <a:ext uri="{FF2B5EF4-FFF2-40B4-BE49-F238E27FC236}">
                  <a16:creationId xmlns:a16="http://schemas.microsoft.com/office/drawing/2014/main" id="{A345BBCB-2AD4-E2BF-11CB-1E9D73952848}"/>
                </a:ext>
              </a:extLst>
            </p:cNvPr>
            <p:cNvSpPr/>
            <p:nvPr/>
          </p:nvSpPr>
          <p:spPr>
            <a:xfrm>
              <a:off x="6547484" y="3697605"/>
              <a:ext cx="376237" cy="9525"/>
            </a:xfrm>
            <a:custGeom>
              <a:avLst/>
              <a:gdLst>
                <a:gd name="connsiteX0" fmla="*/ 0 w 376237"/>
                <a:gd name="connsiteY0" fmla="*/ 0 h 9525"/>
                <a:gd name="connsiteX1" fmla="*/ 376237 w 376237"/>
                <a:gd name="connsiteY1" fmla="*/ 0 h 9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376237" h="9525">
                  <a:moveTo>
                    <a:pt x="0" y="0"/>
                  </a:moveTo>
                  <a:lnTo>
                    <a:pt x="376237" y="0"/>
                  </a:lnTo>
                </a:path>
              </a:pathLst>
            </a:custGeom>
            <a:ln w="25400" cap="rnd">
              <a:solidFill>
                <a:schemeClr val="tx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cxnSp>
        <p:nvCxnSpPr>
          <p:cNvPr id="68" name="Straight Connector 67">
            <a:extLst>
              <a:ext uri="{FF2B5EF4-FFF2-40B4-BE49-F238E27FC236}">
                <a16:creationId xmlns:a16="http://schemas.microsoft.com/office/drawing/2014/main" id="{09EC1033-D0AA-93E4-0ACF-613A5157A0EE}"/>
              </a:ext>
            </a:extLst>
          </p:cNvPr>
          <p:cNvCxnSpPr>
            <a:cxnSpLocks/>
            <a:stCxn id="52" idx="0"/>
            <a:endCxn id="72" idx="4"/>
          </p:cNvCxnSpPr>
          <p:nvPr/>
        </p:nvCxnSpPr>
        <p:spPr>
          <a:xfrm>
            <a:off x="4949950" y="2331807"/>
            <a:ext cx="747810" cy="0"/>
          </a:xfrm>
          <a:prstGeom prst="line">
            <a:avLst/>
          </a:prstGeom>
          <a:ln w="22225">
            <a:solidFill>
              <a:schemeClr val="tx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Straight Connector 68">
            <a:extLst>
              <a:ext uri="{FF2B5EF4-FFF2-40B4-BE49-F238E27FC236}">
                <a16:creationId xmlns:a16="http://schemas.microsoft.com/office/drawing/2014/main" id="{A7B1D545-BEAE-42FC-9647-165A570E4359}"/>
              </a:ext>
            </a:extLst>
          </p:cNvPr>
          <p:cNvCxnSpPr>
            <a:cxnSpLocks/>
          </p:cNvCxnSpPr>
          <p:nvPr/>
        </p:nvCxnSpPr>
        <p:spPr>
          <a:xfrm>
            <a:off x="6096000" y="2331807"/>
            <a:ext cx="0" cy="864432"/>
          </a:xfrm>
          <a:prstGeom prst="line">
            <a:avLst/>
          </a:prstGeom>
          <a:ln w="19050">
            <a:solidFill>
              <a:schemeClr val="tx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Connector: Elbow 69">
            <a:extLst>
              <a:ext uri="{FF2B5EF4-FFF2-40B4-BE49-F238E27FC236}">
                <a16:creationId xmlns:a16="http://schemas.microsoft.com/office/drawing/2014/main" id="{671322D5-960B-12F4-12F9-94A7FAC24950}"/>
              </a:ext>
            </a:extLst>
          </p:cNvPr>
          <p:cNvCxnSpPr>
            <a:cxnSpLocks/>
          </p:cNvCxnSpPr>
          <p:nvPr/>
        </p:nvCxnSpPr>
        <p:spPr>
          <a:xfrm rot="10800000" flipV="1">
            <a:off x="3180207" y="2863196"/>
            <a:ext cx="2915795" cy="428968"/>
          </a:xfrm>
          <a:prstGeom prst="bentConnector2">
            <a:avLst/>
          </a:prstGeom>
          <a:ln w="19050">
            <a:solidFill>
              <a:schemeClr val="tx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Connector: Elbow 70">
            <a:extLst>
              <a:ext uri="{FF2B5EF4-FFF2-40B4-BE49-F238E27FC236}">
                <a16:creationId xmlns:a16="http://schemas.microsoft.com/office/drawing/2014/main" id="{BD171568-F7CA-AF56-F40E-2A36557950A5}"/>
              </a:ext>
            </a:extLst>
          </p:cNvPr>
          <p:cNvCxnSpPr>
            <a:cxnSpLocks/>
            <a:endCxn id="42" idx="0"/>
          </p:cNvCxnSpPr>
          <p:nvPr/>
        </p:nvCxnSpPr>
        <p:spPr>
          <a:xfrm>
            <a:off x="6096001" y="2863196"/>
            <a:ext cx="2884607" cy="399834"/>
          </a:xfrm>
          <a:prstGeom prst="bentConnector2">
            <a:avLst/>
          </a:prstGeom>
          <a:ln w="19050">
            <a:solidFill>
              <a:schemeClr val="tx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Oval 71">
            <a:extLst>
              <a:ext uri="{FF2B5EF4-FFF2-40B4-BE49-F238E27FC236}">
                <a16:creationId xmlns:a16="http://schemas.microsoft.com/office/drawing/2014/main" id="{62157B2D-D2AA-7849-85DF-61B19807DD30}"/>
              </a:ext>
            </a:extLst>
          </p:cNvPr>
          <p:cNvSpPr/>
          <p:nvPr/>
        </p:nvSpPr>
        <p:spPr>
          <a:xfrm rot="5400000">
            <a:off x="5697760" y="1926281"/>
            <a:ext cx="811052" cy="811052"/>
          </a:xfrm>
          <a:prstGeom prst="ellipse">
            <a:avLst/>
          </a:prstGeom>
          <a:solidFill>
            <a:srgbClr val="F2F2F2"/>
          </a:solidFill>
          <a:ln w="25400" cap="rnd">
            <a:noFill/>
          </a:ln>
        </p:spPr>
        <p:txBody>
          <a:bodyPr wrap="square" lIns="0" tIns="0" rIns="0" bIns="0" rtlCol="0" anchor="t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1" i="0" u="none" strike="noStrike" kern="1200" cap="none" spc="0" normalizeH="0" baseline="0" noProof="0">
              <a:ln>
                <a:noFill/>
              </a:ln>
              <a:solidFill>
                <a:srgbClr val="0431A6"/>
              </a:solidFill>
              <a:effectLst/>
              <a:uLnTx/>
              <a:uFillTx/>
              <a:latin typeface="Arial"/>
              <a:ea typeface="+mn-ea"/>
              <a:cs typeface="Segoe UI" panose="020B0502040204020203" pitchFamily="34" charset="0"/>
            </a:endParaRPr>
          </a:p>
        </p:txBody>
      </p:sp>
      <p:grpSp>
        <p:nvGrpSpPr>
          <p:cNvPr id="73" name="Graphic 155">
            <a:extLst>
              <a:ext uri="{FF2B5EF4-FFF2-40B4-BE49-F238E27FC236}">
                <a16:creationId xmlns:a16="http://schemas.microsoft.com/office/drawing/2014/main" id="{E0C9241A-9D58-6037-1168-EAF0B7F24C25}"/>
              </a:ext>
            </a:extLst>
          </p:cNvPr>
          <p:cNvGrpSpPr/>
          <p:nvPr/>
        </p:nvGrpSpPr>
        <p:grpSpPr>
          <a:xfrm>
            <a:off x="5889022" y="2149327"/>
            <a:ext cx="421889" cy="373285"/>
            <a:chOff x="5270181" y="2703194"/>
            <a:chExt cx="1653540" cy="1463041"/>
          </a:xfrm>
          <a:solidFill>
            <a:srgbClr val="FFFFFF"/>
          </a:solidFill>
        </p:grpSpPr>
        <p:grpSp>
          <p:nvGrpSpPr>
            <p:cNvPr id="74" name="Graphic 155">
              <a:extLst>
                <a:ext uri="{FF2B5EF4-FFF2-40B4-BE49-F238E27FC236}">
                  <a16:creationId xmlns:a16="http://schemas.microsoft.com/office/drawing/2014/main" id="{61A25A49-AE28-4051-EBC5-4C6C17F9960B}"/>
                </a:ext>
              </a:extLst>
            </p:cNvPr>
            <p:cNvGrpSpPr/>
            <p:nvPr/>
          </p:nvGrpSpPr>
          <p:grpSpPr>
            <a:xfrm>
              <a:off x="5270181" y="2703194"/>
              <a:ext cx="1653539" cy="1463041"/>
              <a:chOff x="5270181" y="2703194"/>
              <a:chExt cx="1653539" cy="1463041"/>
            </a:xfrm>
            <a:solidFill>
              <a:srgbClr val="FFFFFF"/>
            </a:solidFill>
          </p:grpSpPr>
          <p:sp>
            <p:nvSpPr>
              <p:cNvPr id="77" name="Freeform: Shape 76">
                <a:extLst>
                  <a:ext uri="{FF2B5EF4-FFF2-40B4-BE49-F238E27FC236}">
                    <a16:creationId xmlns:a16="http://schemas.microsoft.com/office/drawing/2014/main" id="{F4A94BBF-6B76-9E24-B3A1-8076D2719D0B}"/>
                  </a:ext>
                </a:extLst>
              </p:cNvPr>
              <p:cNvSpPr/>
              <p:nvPr/>
            </p:nvSpPr>
            <p:spPr>
              <a:xfrm>
                <a:off x="5270181" y="2703194"/>
                <a:ext cx="1653539" cy="1197292"/>
              </a:xfrm>
              <a:custGeom>
                <a:avLst/>
                <a:gdLst>
                  <a:gd name="connsiteX0" fmla="*/ 1618298 w 1653539"/>
                  <a:gd name="connsiteY0" fmla="*/ 1197293 h 1197292"/>
                  <a:gd name="connsiteX1" fmla="*/ 35243 w 1653539"/>
                  <a:gd name="connsiteY1" fmla="*/ 1197293 h 1197292"/>
                  <a:gd name="connsiteX2" fmla="*/ 0 w 1653539"/>
                  <a:gd name="connsiteY2" fmla="*/ 1162050 h 1197292"/>
                  <a:gd name="connsiteX3" fmla="*/ 0 w 1653539"/>
                  <a:gd name="connsiteY3" fmla="*/ 35243 h 1197292"/>
                  <a:gd name="connsiteX4" fmla="*/ 35243 w 1653539"/>
                  <a:gd name="connsiteY4" fmla="*/ 0 h 1197292"/>
                  <a:gd name="connsiteX5" fmla="*/ 1618298 w 1653539"/>
                  <a:gd name="connsiteY5" fmla="*/ 0 h 1197292"/>
                  <a:gd name="connsiteX6" fmla="*/ 1653540 w 1653539"/>
                  <a:gd name="connsiteY6" fmla="*/ 35243 h 1197292"/>
                  <a:gd name="connsiteX7" fmla="*/ 1653540 w 1653539"/>
                  <a:gd name="connsiteY7" fmla="*/ 1162050 h 1197292"/>
                  <a:gd name="connsiteX8" fmla="*/ 1618298 w 1653539"/>
                  <a:gd name="connsiteY8" fmla="*/ 1197293 h 11972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1653539" h="1197292">
                    <a:moveTo>
                      <a:pt x="1618298" y="1197293"/>
                    </a:moveTo>
                    <a:lnTo>
                      <a:pt x="35243" y="1197293"/>
                    </a:lnTo>
                    <a:cubicBezTo>
                      <a:pt x="15240" y="1197293"/>
                      <a:pt x="0" y="1181100"/>
                      <a:pt x="0" y="1162050"/>
                    </a:cubicBezTo>
                    <a:lnTo>
                      <a:pt x="0" y="35243"/>
                    </a:lnTo>
                    <a:cubicBezTo>
                      <a:pt x="0" y="15240"/>
                      <a:pt x="16193" y="0"/>
                      <a:pt x="35243" y="0"/>
                    </a:cubicBezTo>
                    <a:lnTo>
                      <a:pt x="1618298" y="0"/>
                    </a:lnTo>
                    <a:cubicBezTo>
                      <a:pt x="1638300" y="0"/>
                      <a:pt x="1653540" y="16193"/>
                      <a:pt x="1653540" y="35243"/>
                    </a:cubicBezTo>
                    <a:lnTo>
                      <a:pt x="1653540" y="1162050"/>
                    </a:lnTo>
                    <a:cubicBezTo>
                      <a:pt x="1653540" y="1181100"/>
                      <a:pt x="1637348" y="1197293"/>
                      <a:pt x="1618298" y="1197293"/>
                    </a:cubicBezTo>
                    <a:close/>
                  </a:path>
                </a:pathLst>
              </a:custGeom>
              <a:noFill/>
              <a:ln w="254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3600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78" name="Freeform: Shape 77">
                <a:extLst>
                  <a:ext uri="{FF2B5EF4-FFF2-40B4-BE49-F238E27FC236}">
                    <a16:creationId xmlns:a16="http://schemas.microsoft.com/office/drawing/2014/main" id="{2D12F638-9B05-9A80-1AB7-CCB0CE2B7155}"/>
                  </a:ext>
                </a:extLst>
              </p:cNvPr>
              <p:cNvSpPr/>
              <p:nvPr/>
            </p:nvSpPr>
            <p:spPr>
              <a:xfrm>
                <a:off x="5878829" y="3900487"/>
                <a:ext cx="439102" cy="257175"/>
              </a:xfrm>
              <a:custGeom>
                <a:avLst/>
                <a:gdLst>
                  <a:gd name="connsiteX0" fmla="*/ 0 w 439102"/>
                  <a:gd name="connsiteY0" fmla="*/ 0 h 257175"/>
                  <a:gd name="connsiteX1" fmla="*/ 439102 w 439102"/>
                  <a:gd name="connsiteY1" fmla="*/ 0 h 257175"/>
                  <a:gd name="connsiteX2" fmla="*/ 439102 w 439102"/>
                  <a:gd name="connsiteY2" fmla="*/ 257175 h 257175"/>
                  <a:gd name="connsiteX3" fmla="*/ 0 w 439102"/>
                  <a:gd name="connsiteY3" fmla="*/ 257175 h 2571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39102" h="257175">
                    <a:moveTo>
                      <a:pt x="0" y="0"/>
                    </a:moveTo>
                    <a:lnTo>
                      <a:pt x="439102" y="0"/>
                    </a:lnTo>
                    <a:lnTo>
                      <a:pt x="439102" y="257175"/>
                    </a:lnTo>
                    <a:lnTo>
                      <a:pt x="0" y="257175"/>
                    </a:lnTo>
                    <a:close/>
                  </a:path>
                </a:pathLst>
              </a:custGeom>
              <a:noFill/>
              <a:ln w="254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3600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79" name="Freeform: Shape 78">
                <a:extLst>
                  <a:ext uri="{FF2B5EF4-FFF2-40B4-BE49-F238E27FC236}">
                    <a16:creationId xmlns:a16="http://schemas.microsoft.com/office/drawing/2014/main" id="{AA6D9269-3C5E-0D25-D571-956A783BB54B}"/>
                  </a:ext>
                </a:extLst>
              </p:cNvPr>
              <p:cNvSpPr/>
              <p:nvPr/>
            </p:nvSpPr>
            <p:spPr>
              <a:xfrm>
                <a:off x="5654039" y="4156710"/>
                <a:ext cx="883920" cy="9525"/>
              </a:xfrm>
              <a:custGeom>
                <a:avLst/>
                <a:gdLst>
                  <a:gd name="connsiteX0" fmla="*/ 0 w 883920"/>
                  <a:gd name="connsiteY0" fmla="*/ 0 h 9525"/>
                  <a:gd name="connsiteX1" fmla="*/ 883920 w 883920"/>
                  <a:gd name="connsiteY1" fmla="*/ 0 h 95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883920" h="9525">
                    <a:moveTo>
                      <a:pt x="0" y="0"/>
                    </a:moveTo>
                    <a:lnTo>
                      <a:pt x="883920" y="0"/>
                    </a:lnTo>
                  </a:path>
                </a:pathLst>
              </a:custGeom>
              <a:ln w="254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3600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  <p:sp>
          <p:nvSpPr>
            <p:cNvPr id="75" name="Freeform: Shape 74">
              <a:extLst>
                <a:ext uri="{FF2B5EF4-FFF2-40B4-BE49-F238E27FC236}">
                  <a16:creationId xmlns:a16="http://schemas.microsoft.com/office/drawing/2014/main" id="{FC3668BC-98C0-0CD9-9027-023CCD625474}"/>
                </a:ext>
              </a:extLst>
            </p:cNvPr>
            <p:cNvSpPr/>
            <p:nvPr/>
          </p:nvSpPr>
          <p:spPr>
            <a:xfrm>
              <a:off x="5270182" y="3694747"/>
              <a:ext cx="1016317" cy="9525"/>
            </a:xfrm>
            <a:custGeom>
              <a:avLst/>
              <a:gdLst>
                <a:gd name="connsiteX0" fmla="*/ 0 w 1016317"/>
                <a:gd name="connsiteY0" fmla="*/ 0 h 9525"/>
                <a:gd name="connsiteX1" fmla="*/ 1016318 w 1016317"/>
                <a:gd name="connsiteY1" fmla="*/ 0 h 9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1016317" h="9525">
                  <a:moveTo>
                    <a:pt x="0" y="0"/>
                  </a:moveTo>
                  <a:lnTo>
                    <a:pt x="1016318" y="0"/>
                  </a:lnTo>
                </a:path>
              </a:pathLst>
            </a:custGeom>
            <a:ln w="25400" cap="rnd">
              <a:solidFill>
                <a:schemeClr val="tx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76" name="Freeform: Shape 75">
              <a:extLst>
                <a:ext uri="{FF2B5EF4-FFF2-40B4-BE49-F238E27FC236}">
                  <a16:creationId xmlns:a16="http://schemas.microsoft.com/office/drawing/2014/main" id="{EA52C5C1-9C2C-752B-0309-4B5096AA0279}"/>
                </a:ext>
              </a:extLst>
            </p:cNvPr>
            <p:cNvSpPr/>
            <p:nvPr/>
          </p:nvSpPr>
          <p:spPr>
            <a:xfrm>
              <a:off x="6547484" y="3697605"/>
              <a:ext cx="376237" cy="9525"/>
            </a:xfrm>
            <a:custGeom>
              <a:avLst/>
              <a:gdLst>
                <a:gd name="connsiteX0" fmla="*/ 0 w 376237"/>
                <a:gd name="connsiteY0" fmla="*/ 0 h 9525"/>
                <a:gd name="connsiteX1" fmla="*/ 376237 w 376237"/>
                <a:gd name="connsiteY1" fmla="*/ 0 h 9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376237" h="9525">
                  <a:moveTo>
                    <a:pt x="0" y="0"/>
                  </a:moveTo>
                  <a:lnTo>
                    <a:pt x="376237" y="0"/>
                  </a:lnTo>
                </a:path>
              </a:pathLst>
            </a:custGeom>
            <a:ln w="25400" cap="rnd">
              <a:solidFill>
                <a:schemeClr val="tx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cxnSp>
        <p:nvCxnSpPr>
          <p:cNvPr id="80" name="Straight Connector 79">
            <a:extLst>
              <a:ext uri="{FF2B5EF4-FFF2-40B4-BE49-F238E27FC236}">
                <a16:creationId xmlns:a16="http://schemas.microsoft.com/office/drawing/2014/main" id="{2C7CBB46-E1B4-BACC-04CF-B3591039E535}"/>
              </a:ext>
            </a:extLst>
          </p:cNvPr>
          <p:cNvCxnSpPr>
            <a:cxnSpLocks/>
            <a:stCxn id="60" idx="4"/>
            <a:endCxn id="72" idx="0"/>
          </p:cNvCxnSpPr>
          <p:nvPr/>
        </p:nvCxnSpPr>
        <p:spPr>
          <a:xfrm flipH="1">
            <a:off x="6508813" y="2331807"/>
            <a:ext cx="747811" cy="0"/>
          </a:xfrm>
          <a:prstGeom prst="line">
            <a:avLst/>
          </a:prstGeom>
          <a:ln w="22225">
            <a:solidFill>
              <a:schemeClr val="tx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81" name="Graphic 80">
            <a:extLst>
              <a:ext uri="{FF2B5EF4-FFF2-40B4-BE49-F238E27FC236}">
                <a16:creationId xmlns:a16="http://schemas.microsoft.com/office/drawing/2014/main" id="{A6ECDD97-E352-DDA8-6C13-6D14AD13B5C7}"/>
              </a:ext>
            </a:extLst>
          </p:cNvPr>
          <p:cNvGrpSpPr/>
          <p:nvPr/>
        </p:nvGrpSpPr>
        <p:grpSpPr>
          <a:xfrm>
            <a:off x="5587185" y="4041669"/>
            <a:ext cx="910413" cy="473338"/>
            <a:chOff x="4321592" y="3770624"/>
            <a:chExt cx="731793" cy="380471"/>
          </a:xfrm>
          <a:solidFill>
            <a:schemeClr val="accent1"/>
          </a:solidFill>
        </p:grpSpPr>
        <p:sp>
          <p:nvSpPr>
            <p:cNvPr id="82" name="Freeform: Shape 81">
              <a:extLst>
                <a:ext uri="{FF2B5EF4-FFF2-40B4-BE49-F238E27FC236}">
                  <a16:creationId xmlns:a16="http://schemas.microsoft.com/office/drawing/2014/main" id="{FD88FFC0-2515-962A-80FC-C4B1300F1F4E}"/>
                </a:ext>
              </a:extLst>
            </p:cNvPr>
            <p:cNvSpPr/>
            <p:nvPr/>
          </p:nvSpPr>
          <p:spPr>
            <a:xfrm>
              <a:off x="4544812" y="3984639"/>
              <a:ext cx="453343" cy="7670"/>
            </a:xfrm>
            <a:custGeom>
              <a:avLst/>
              <a:gdLst>
                <a:gd name="connsiteX0" fmla="*/ 453343 w 453343"/>
                <a:gd name="connsiteY0" fmla="*/ 0 h 7670"/>
                <a:gd name="connsiteX1" fmla="*/ 0 w 453343"/>
                <a:gd name="connsiteY1" fmla="*/ 0 h 7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453343" h="7670">
                  <a:moveTo>
                    <a:pt x="453343" y="0"/>
                  </a:moveTo>
                  <a:lnTo>
                    <a:pt x="0" y="0"/>
                  </a:lnTo>
                </a:path>
              </a:pathLst>
            </a:custGeom>
            <a:ln w="19050" cap="rnd">
              <a:solidFill>
                <a:srgbClr val="199049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3" name="Freeform: Shape 82">
              <a:extLst>
                <a:ext uri="{FF2B5EF4-FFF2-40B4-BE49-F238E27FC236}">
                  <a16:creationId xmlns:a16="http://schemas.microsoft.com/office/drawing/2014/main" id="{57436064-4511-E5F5-EE1B-9988D392CF44}"/>
                </a:ext>
              </a:extLst>
            </p:cNvPr>
            <p:cNvSpPr/>
            <p:nvPr/>
          </p:nvSpPr>
          <p:spPr>
            <a:xfrm>
              <a:off x="4544812" y="3770624"/>
              <a:ext cx="508573" cy="320638"/>
            </a:xfrm>
            <a:custGeom>
              <a:avLst/>
              <a:gdLst>
                <a:gd name="connsiteX0" fmla="*/ 458713 w 508573"/>
                <a:gd name="connsiteY0" fmla="*/ 320639 h 320638"/>
                <a:gd name="connsiteX1" fmla="*/ 508573 w 508573"/>
                <a:gd name="connsiteY1" fmla="*/ 320639 h 320638"/>
                <a:gd name="connsiteX2" fmla="*/ 508573 w 508573"/>
                <a:gd name="connsiteY2" fmla="*/ 0 h 320638"/>
                <a:gd name="connsiteX3" fmla="*/ 0 w 508573"/>
                <a:gd name="connsiteY3" fmla="*/ 0 h 320638"/>
                <a:gd name="connsiteX4" fmla="*/ 0 w 508573"/>
                <a:gd name="connsiteY4" fmla="*/ 320639 h 320638"/>
                <a:gd name="connsiteX5" fmla="*/ 273847 w 508573"/>
                <a:gd name="connsiteY5" fmla="*/ 320639 h 32063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508573" h="320638">
                  <a:moveTo>
                    <a:pt x="458713" y="320639"/>
                  </a:moveTo>
                  <a:lnTo>
                    <a:pt x="508573" y="320639"/>
                  </a:lnTo>
                  <a:lnTo>
                    <a:pt x="508573" y="0"/>
                  </a:lnTo>
                  <a:lnTo>
                    <a:pt x="0" y="0"/>
                  </a:lnTo>
                  <a:lnTo>
                    <a:pt x="0" y="320639"/>
                  </a:lnTo>
                  <a:lnTo>
                    <a:pt x="273847" y="320639"/>
                  </a:lnTo>
                </a:path>
              </a:pathLst>
            </a:custGeom>
            <a:noFill/>
            <a:ln w="19050" cap="rnd">
              <a:solidFill>
                <a:schemeClr val="tx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4" name="Freeform: Shape 83">
              <a:extLst>
                <a:ext uri="{FF2B5EF4-FFF2-40B4-BE49-F238E27FC236}">
                  <a16:creationId xmlns:a16="http://schemas.microsoft.com/office/drawing/2014/main" id="{CB26F9EF-5FCE-8E5C-AC6C-B8CE5BFC2EFB}"/>
                </a:ext>
              </a:extLst>
            </p:cNvPr>
            <p:cNvSpPr/>
            <p:nvPr/>
          </p:nvSpPr>
          <p:spPr>
            <a:xfrm>
              <a:off x="4597741" y="4036801"/>
              <a:ext cx="241629" cy="7670"/>
            </a:xfrm>
            <a:custGeom>
              <a:avLst/>
              <a:gdLst>
                <a:gd name="connsiteX0" fmla="*/ 241630 w 241629"/>
                <a:gd name="connsiteY0" fmla="*/ 0 h 7670"/>
                <a:gd name="connsiteX1" fmla="*/ 0 w 241629"/>
                <a:gd name="connsiteY1" fmla="*/ 0 h 7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241629" h="7670">
                  <a:moveTo>
                    <a:pt x="241630" y="0"/>
                  </a:moveTo>
                  <a:lnTo>
                    <a:pt x="0" y="0"/>
                  </a:lnTo>
                </a:path>
              </a:pathLst>
            </a:custGeom>
            <a:ln w="19050" cap="rnd">
              <a:solidFill>
                <a:srgbClr val="199049"/>
              </a:solidFill>
              <a:prstDash val="lgDash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5" name="Freeform: Shape 84">
              <a:extLst>
                <a:ext uri="{FF2B5EF4-FFF2-40B4-BE49-F238E27FC236}">
                  <a16:creationId xmlns:a16="http://schemas.microsoft.com/office/drawing/2014/main" id="{D7AFA2DF-EF48-D4E4-E8C8-85D63B8F364F}"/>
                </a:ext>
              </a:extLst>
            </p:cNvPr>
            <p:cNvSpPr/>
            <p:nvPr/>
          </p:nvSpPr>
          <p:spPr>
            <a:xfrm>
              <a:off x="4873122" y="4020692"/>
              <a:ext cx="130403" cy="130403"/>
            </a:xfrm>
            <a:custGeom>
              <a:avLst/>
              <a:gdLst>
                <a:gd name="connsiteX0" fmla="*/ 130403 w 130403"/>
                <a:gd name="connsiteY0" fmla="*/ 65202 h 130403"/>
                <a:gd name="connsiteX1" fmla="*/ 65202 w 130403"/>
                <a:gd name="connsiteY1" fmla="*/ 130403 h 130403"/>
                <a:gd name="connsiteX2" fmla="*/ 0 w 130403"/>
                <a:gd name="connsiteY2" fmla="*/ 65202 h 130403"/>
                <a:gd name="connsiteX3" fmla="*/ 65202 w 130403"/>
                <a:gd name="connsiteY3" fmla="*/ 0 h 130403"/>
                <a:gd name="connsiteX4" fmla="*/ 130403 w 130403"/>
                <a:gd name="connsiteY4" fmla="*/ 65202 h 13040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30403" h="130403">
                  <a:moveTo>
                    <a:pt x="130403" y="65202"/>
                  </a:moveTo>
                  <a:cubicBezTo>
                    <a:pt x="130403" y="101212"/>
                    <a:pt x="101212" y="130403"/>
                    <a:pt x="65202" y="130403"/>
                  </a:cubicBezTo>
                  <a:cubicBezTo>
                    <a:pt x="29192" y="130403"/>
                    <a:pt x="0" y="101212"/>
                    <a:pt x="0" y="65202"/>
                  </a:cubicBezTo>
                  <a:cubicBezTo>
                    <a:pt x="0" y="29192"/>
                    <a:pt x="29192" y="0"/>
                    <a:pt x="65202" y="0"/>
                  </a:cubicBezTo>
                  <a:cubicBezTo>
                    <a:pt x="101212" y="0"/>
                    <a:pt x="130403" y="29192"/>
                    <a:pt x="130403" y="65202"/>
                  </a:cubicBezTo>
                  <a:close/>
                </a:path>
              </a:pathLst>
            </a:custGeom>
            <a:solidFill>
              <a:srgbClr val="BFDCEC"/>
            </a:solidFill>
            <a:ln w="19050" cap="rnd">
              <a:solidFill>
                <a:schemeClr val="tx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6" name="Freeform: Shape 85">
              <a:extLst>
                <a:ext uri="{FF2B5EF4-FFF2-40B4-BE49-F238E27FC236}">
                  <a16:creationId xmlns:a16="http://schemas.microsoft.com/office/drawing/2014/main" id="{0D058394-C588-6E02-7DE4-F852D0CF94C3}"/>
                </a:ext>
              </a:extLst>
            </p:cNvPr>
            <p:cNvSpPr/>
            <p:nvPr/>
          </p:nvSpPr>
          <p:spPr>
            <a:xfrm>
              <a:off x="4321592" y="3829690"/>
              <a:ext cx="223219" cy="261573"/>
            </a:xfrm>
            <a:custGeom>
              <a:avLst/>
              <a:gdLst>
                <a:gd name="connsiteX0" fmla="*/ 46792 w 223219"/>
                <a:gd name="connsiteY0" fmla="*/ 261574 h 261573"/>
                <a:gd name="connsiteX1" fmla="*/ 0 w 223219"/>
                <a:gd name="connsiteY1" fmla="*/ 261574 h 261573"/>
                <a:gd name="connsiteX2" fmla="*/ 0 w 223219"/>
                <a:gd name="connsiteY2" fmla="*/ 122733 h 261573"/>
                <a:gd name="connsiteX3" fmla="*/ 34519 w 223219"/>
                <a:gd name="connsiteY3" fmla="*/ 0 h 261573"/>
                <a:gd name="connsiteX4" fmla="*/ 34519 w 223219"/>
                <a:gd name="connsiteY4" fmla="*/ 0 h 261573"/>
                <a:gd name="connsiteX5" fmla="*/ 223220 w 223219"/>
                <a:gd name="connsiteY5" fmla="*/ 0 h 2615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23219" h="261573">
                  <a:moveTo>
                    <a:pt x="46792" y="261574"/>
                  </a:moveTo>
                  <a:lnTo>
                    <a:pt x="0" y="261574"/>
                  </a:lnTo>
                  <a:lnTo>
                    <a:pt x="0" y="122733"/>
                  </a:lnTo>
                  <a:lnTo>
                    <a:pt x="34519" y="0"/>
                  </a:lnTo>
                  <a:lnTo>
                    <a:pt x="34519" y="0"/>
                  </a:lnTo>
                  <a:lnTo>
                    <a:pt x="223220" y="0"/>
                  </a:lnTo>
                </a:path>
              </a:pathLst>
            </a:custGeom>
            <a:noFill/>
            <a:ln w="19050" cap="rnd">
              <a:solidFill>
                <a:schemeClr val="tx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7" name="Freeform: Shape 86">
              <a:extLst>
                <a:ext uri="{FF2B5EF4-FFF2-40B4-BE49-F238E27FC236}">
                  <a16:creationId xmlns:a16="http://schemas.microsoft.com/office/drawing/2014/main" id="{BAD0F943-83C4-4E01-22BA-1165ED4B9FDD}"/>
                </a:ext>
              </a:extLst>
            </p:cNvPr>
            <p:cNvSpPr/>
            <p:nvPr/>
          </p:nvSpPr>
          <p:spPr>
            <a:xfrm>
              <a:off x="4321592" y="3829690"/>
              <a:ext cx="111993" cy="124266"/>
            </a:xfrm>
            <a:custGeom>
              <a:avLst/>
              <a:gdLst>
                <a:gd name="connsiteX0" fmla="*/ 0 w 111993"/>
                <a:gd name="connsiteY0" fmla="*/ 124267 h 124266"/>
                <a:gd name="connsiteX1" fmla="*/ 111993 w 111993"/>
                <a:gd name="connsiteY1" fmla="*/ 124267 h 124266"/>
                <a:gd name="connsiteX2" fmla="*/ 111993 w 111993"/>
                <a:gd name="connsiteY2" fmla="*/ 0 h 1242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11993" h="124266">
                  <a:moveTo>
                    <a:pt x="0" y="124267"/>
                  </a:moveTo>
                  <a:lnTo>
                    <a:pt x="111993" y="124267"/>
                  </a:lnTo>
                  <a:lnTo>
                    <a:pt x="111993" y="0"/>
                  </a:lnTo>
                </a:path>
              </a:pathLst>
            </a:custGeom>
            <a:noFill/>
            <a:ln w="19050" cap="rnd">
              <a:solidFill>
                <a:schemeClr val="tx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8" name="Freeform: Shape 87">
              <a:extLst>
                <a:ext uri="{FF2B5EF4-FFF2-40B4-BE49-F238E27FC236}">
                  <a16:creationId xmlns:a16="http://schemas.microsoft.com/office/drawing/2014/main" id="{B71D2E7D-34C2-290B-79E0-5F313AA82129}"/>
                </a:ext>
              </a:extLst>
            </p:cNvPr>
            <p:cNvSpPr/>
            <p:nvPr/>
          </p:nvSpPr>
          <p:spPr>
            <a:xfrm>
              <a:off x="4368384" y="4020692"/>
              <a:ext cx="130403" cy="130403"/>
            </a:xfrm>
            <a:custGeom>
              <a:avLst/>
              <a:gdLst>
                <a:gd name="connsiteX0" fmla="*/ 130403 w 130403"/>
                <a:gd name="connsiteY0" fmla="*/ 65202 h 130403"/>
                <a:gd name="connsiteX1" fmla="*/ 65202 w 130403"/>
                <a:gd name="connsiteY1" fmla="*/ 130403 h 130403"/>
                <a:gd name="connsiteX2" fmla="*/ 0 w 130403"/>
                <a:gd name="connsiteY2" fmla="*/ 65202 h 130403"/>
                <a:gd name="connsiteX3" fmla="*/ 65202 w 130403"/>
                <a:gd name="connsiteY3" fmla="*/ 0 h 130403"/>
                <a:gd name="connsiteX4" fmla="*/ 130403 w 130403"/>
                <a:gd name="connsiteY4" fmla="*/ 65202 h 13040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30403" h="130403">
                  <a:moveTo>
                    <a:pt x="130403" y="65202"/>
                  </a:moveTo>
                  <a:cubicBezTo>
                    <a:pt x="130403" y="101212"/>
                    <a:pt x="101212" y="130403"/>
                    <a:pt x="65202" y="130403"/>
                  </a:cubicBezTo>
                  <a:cubicBezTo>
                    <a:pt x="29192" y="130403"/>
                    <a:pt x="0" y="101212"/>
                    <a:pt x="0" y="65202"/>
                  </a:cubicBezTo>
                  <a:cubicBezTo>
                    <a:pt x="0" y="29192"/>
                    <a:pt x="29192" y="0"/>
                    <a:pt x="65202" y="0"/>
                  </a:cubicBezTo>
                  <a:cubicBezTo>
                    <a:pt x="101212" y="0"/>
                    <a:pt x="130403" y="29192"/>
                    <a:pt x="130403" y="65202"/>
                  </a:cubicBezTo>
                  <a:close/>
                </a:path>
              </a:pathLst>
            </a:custGeom>
            <a:solidFill>
              <a:srgbClr val="BFDCEC"/>
            </a:solidFill>
            <a:ln w="19050" cap="rnd">
              <a:solidFill>
                <a:schemeClr val="tx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9" name="Freeform: Shape 88">
              <a:extLst>
                <a:ext uri="{FF2B5EF4-FFF2-40B4-BE49-F238E27FC236}">
                  <a16:creationId xmlns:a16="http://schemas.microsoft.com/office/drawing/2014/main" id="{204C3709-B416-7F04-0D17-96AB7DBCE276}"/>
                </a:ext>
              </a:extLst>
            </p:cNvPr>
            <p:cNvSpPr/>
            <p:nvPr/>
          </p:nvSpPr>
          <p:spPr>
            <a:xfrm>
              <a:off x="4498788" y="4091263"/>
              <a:ext cx="46024" cy="7670"/>
            </a:xfrm>
            <a:custGeom>
              <a:avLst/>
              <a:gdLst>
                <a:gd name="connsiteX0" fmla="*/ 0 w 46024"/>
                <a:gd name="connsiteY0" fmla="*/ 0 h 7670"/>
                <a:gd name="connsiteX1" fmla="*/ 46025 w 46024"/>
                <a:gd name="connsiteY1" fmla="*/ 0 h 7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46024" h="7670">
                  <a:moveTo>
                    <a:pt x="0" y="0"/>
                  </a:moveTo>
                  <a:lnTo>
                    <a:pt x="46025" y="0"/>
                  </a:lnTo>
                </a:path>
              </a:pathLst>
            </a:custGeom>
            <a:ln w="19050" cap="rnd">
              <a:solidFill>
                <a:schemeClr val="tx1"/>
              </a:solidFill>
              <a:prstDash val="solid"/>
              <a:round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3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sp>
        <p:nvSpPr>
          <p:cNvPr id="90" name="Rectangle 89">
            <a:extLst>
              <a:ext uri="{FF2B5EF4-FFF2-40B4-BE49-F238E27FC236}">
                <a16:creationId xmlns:a16="http://schemas.microsoft.com/office/drawing/2014/main" id="{BF480AEF-6F87-0919-B142-4BA3B9BD7CBB}"/>
              </a:ext>
            </a:extLst>
          </p:cNvPr>
          <p:cNvSpPr>
            <a:spLocks/>
          </p:cNvSpPr>
          <p:nvPr/>
        </p:nvSpPr>
        <p:spPr>
          <a:xfrm>
            <a:off x="1204006" y="5446389"/>
            <a:ext cx="9783988" cy="310274"/>
          </a:xfrm>
          <a:prstGeom prst="rect">
            <a:avLst/>
          </a:prstGeom>
          <a:solidFill>
            <a:srgbClr val="BFDC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0" rtlCol="0" anchor="t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1" name="TextBox 90">
            <a:extLst>
              <a:ext uri="{FF2B5EF4-FFF2-40B4-BE49-F238E27FC236}">
                <a16:creationId xmlns:a16="http://schemas.microsoft.com/office/drawing/2014/main" id="{1F143801-0C9C-E9A1-6771-B98A3BF5910F}"/>
              </a:ext>
            </a:extLst>
          </p:cNvPr>
          <p:cNvSpPr txBox="1">
            <a:spLocks/>
          </p:cNvSpPr>
          <p:nvPr/>
        </p:nvSpPr>
        <p:spPr>
          <a:xfrm>
            <a:off x="2646876" y="5479162"/>
            <a:ext cx="689824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Global CRM and ERP systems, </a:t>
            </a: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ata platform and digital services</a:t>
            </a:r>
          </a:p>
        </p:txBody>
      </p:sp>
      <p:sp>
        <p:nvSpPr>
          <p:cNvPr id="92" name="Rectangle 91">
            <a:extLst>
              <a:ext uri="{FF2B5EF4-FFF2-40B4-BE49-F238E27FC236}">
                <a16:creationId xmlns:a16="http://schemas.microsoft.com/office/drawing/2014/main" id="{D2FDB95C-73C2-EC02-84FD-B1F646A7A563}"/>
              </a:ext>
            </a:extLst>
          </p:cNvPr>
          <p:cNvSpPr>
            <a:spLocks/>
          </p:cNvSpPr>
          <p:nvPr/>
        </p:nvSpPr>
        <p:spPr>
          <a:xfrm>
            <a:off x="1204006" y="5857890"/>
            <a:ext cx="9783988" cy="301343"/>
          </a:xfrm>
          <a:prstGeom prst="rect">
            <a:avLst/>
          </a:prstGeom>
          <a:solidFill>
            <a:srgbClr val="0431A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			</a:t>
            </a:r>
          </a:p>
        </p:txBody>
      </p:sp>
      <p:sp>
        <p:nvSpPr>
          <p:cNvPr id="93" name="TextBox 92">
            <a:extLst>
              <a:ext uri="{FF2B5EF4-FFF2-40B4-BE49-F238E27FC236}">
                <a16:creationId xmlns:a16="http://schemas.microsoft.com/office/drawing/2014/main" id="{D95CB63E-6344-F588-9490-D130CC16D24F}"/>
              </a:ext>
            </a:extLst>
          </p:cNvPr>
          <p:cNvSpPr txBox="1">
            <a:spLocks/>
          </p:cNvSpPr>
          <p:nvPr/>
        </p:nvSpPr>
        <p:spPr>
          <a:xfrm>
            <a:off x="1204006" y="5917904"/>
            <a:ext cx="9783988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ystem integration platform and global master data management</a:t>
            </a:r>
          </a:p>
        </p:txBody>
      </p:sp>
      <p:pic>
        <p:nvPicPr>
          <p:cNvPr id="94" name="Graphic 93">
            <a:extLst>
              <a:ext uri="{FF2B5EF4-FFF2-40B4-BE49-F238E27FC236}">
                <a16:creationId xmlns:a16="http://schemas.microsoft.com/office/drawing/2014/main" id="{627762E1-8D19-2BEB-372A-C49F2C3EAC6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538304" y="2240461"/>
            <a:ext cx="260006" cy="78930"/>
          </a:xfrm>
          <a:prstGeom prst="rect">
            <a:avLst/>
          </a:prstGeom>
        </p:spPr>
      </p:pic>
      <p:grpSp>
        <p:nvGrpSpPr>
          <p:cNvPr id="133" name="Group 132">
            <a:extLst>
              <a:ext uri="{FF2B5EF4-FFF2-40B4-BE49-F238E27FC236}">
                <a16:creationId xmlns:a16="http://schemas.microsoft.com/office/drawing/2014/main" id="{D96DC4F0-FE74-ADE5-3D65-F904439B2673}"/>
              </a:ext>
            </a:extLst>
          </p:cNvPr>
          <p:cNvGrpSpPr>
            <a:grpSpLocks noChangeAspect="1"/>
          </p:cNvGrpSpPr>
          <p:nvPr/>
        </p:nvGrpSpPr>
        <p:grpSpPr>
          <a:xfrm>
            <a:off x="2581034" y="3800654"/>
            <a:ext cx="1129576" cy="846000"/>
            <a:chOff x="1190324" y="2019156"/>
            <a:chExt cx="865938" cy="600687"/>
          </a:xfrm>
        </p:grpSpPr>
        <p:grpSp>
          <p:nvGrpSpPr>
            <p:cNvPr id="134" name="Graphic 791">
              <a:extLst>
                <a:ext uri="{FF2B5EF4-FFF2-40B4-BE49-F238E27FC236}">
                  <a16:creationId xmlns:a16="http://schemas.microsoft.com/office/drawing/2014/main" id="{E0A7B813-7B08-5B6C-7F1F-63EFD95FBD54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1586999" y="2233622"/>
              <a:ext cx="469263" cy="386221"/>
              <a:chOff x="1272245" y="4931430"/>
              <a:chExt cx="891568" cy="733794"/>
            </a:xfrm>
            <a:noFill/>
          </p:grpSpPr>
          <p:grpSp>
            <p:nvGrpSpPr>
              <p:cNvPr id="149" name="Graphic 791">
                <a:extLst>
                  <a:ext uri="{FF2B5EF4-FFF2-40B4-BE49-F238E27FC236}">
                    <a16:creationId xmlns:a16="http://schemas.microsoft.com/office/drawing/2014/main" id="{8D952A5B-7C9E-44A5-4FF4-9E31E0030B67}"/>
                  </a:ext>
                </a:extLst>
              </p:cNvPr>
              <p:cNvGrpSpPr/>
              <p:nvPr/>
            </p:nvGrpSpPr>
            <p:grpSpPr>
              <a:xfrm>
                <a:off x="1544627" y="4967152"/>
                <a:ext cx="267916" cy="163727"/>
                <a:chOff x="1544627" y="4967152"/>
                <a:chExt cx="267916" cy="163727"/>
              </a:xfrm>
              <a:noFill/>
            </p:grpSpPr>
            <p:sp>
              <p:nvSpPr>
                <p:cNvPr id="167" name="Freeform: Shape 166">
                  <a:extLst>
                    <a:ext uri="{FF2B5EF4-FFF2-40B4-BE49-F238E27FC236}">
                      <a16:creationId xmlns:a16="http://schemas.microsoft.com/office/drawing/2014/main" id="{D62FC053-9BD0-3343-AFA4-5CAEBA46662C}"/>
                    </a:ext>
                  </a:extLst>
                </p:cNvPr>
                <p:cNvSpPr/>
                <p:nvPr/>
              </p:nvSpPr>
              <p:spPr>
                <a:xfrm>
                  <a:off x="1544627" y="4967152"/>
                  <a:ext cx="267916" cy="163727"/>
                </a:xfrm>
                <a:custGeom>
                  <a:avLst/>
                  <a:gdLst>
                    <a:gd name="connsiteX0" fmla="*/ 0 w 267916"/>
                    <a:gd name="connsiteY0" fmla="*/ 0 h 163727"/>
                    <a:gd name="connsiteX1" fmla="*/ 267917 w 267916"/>
                    <a:gd name="connsiteY1" fmla="*/ 0 h 163727"/>
                    <a:gd name="connsiteX2" fmla="*/ 267917 w 267916"/>
                    <a:gd name="connsiteY2" fmla="*/ 163727 h 163727"/>
                    <a:gd name="connsiteX3" fmla="*/ 0 w 267916"/>
                    <a:gd name="connsiteY3" fmla="*/ 163727 h 163727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267916" h="163727">
                      <a:moveTo>
                        <a:pt x="0" y="0"/>
                      </a:moveTo>
                      <a:lnTo>
                        <a:pt x="267917" y="0"/>
                      </a:lnTo>
                      <a:lnTo>
                        <a:pt x="267917" y="163727"/>
                      </a:lnTo>
                      <a:lnTo>
                        <a:pt x="0" y="163727"/>
                      </a:lnTo>
                      <a:close/>
                    </a:path>
                  </a:pathLst>
                </a:custGeom>
                <a:noFill/>
                <a:ln w="12700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349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endParaRPr>
                </a:p>
              </p:txBody>
            </p:sp>
            <p:sp>
              <p:nvSpPr>
                <p:cNvPr id="168" name="Freeform: Shape 167">
                  <a:extLst>
                    <a:ext uri="{FF2B5EF4-FFF2-40B4-BE49-F238E27FC236}">
                      <a16:creationId xmlns:a16="http://schemas.microsoft.com/office/drawing/2014/main" id="{50FEEF6F-20B0-EA72-305C-37887246994E}"/>
                    </a:ext>
                  </a:extLst>
                </p:cNvPr>
                <p:cNvSpPr/>
                <p:nvPr/>
              </p:nvSpPr>
              <p:spPr>
                <a:xfrm>
                  <a:off x="1678585" y="5034131"/>
                  <a:ext cx="14884" cy="41675"/>
                </a:xfrm>
                <a:custGeom>
                  <a:avLst/>
                  <a:gdLst>
                    <a:gd name="connsiteX0" fmla="*/ 0 w 14884"/>
                    <a:gd name="connsiteY0" fmla="*/ 0 h 41675"/>
                    <a:gd name="connsiteX1" fmla="*/ 0 w 14884"/>
                    <a:gd name="connsiteY1" fmla="*/ 41676 h 4167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</a:cxnLst>
                  <a:rect l="l" t="t" r="r" b="b"/>
                  <a:pathLst>
                    <a:path w="14884" h="41675">
                      <a:moveTo>
                        <a:pt x="0" y="0"/>
                      </a:moveTo>
                      <a:lnTo>
                        <a:pt x="0" y="41676"/>
                      </a:lnTo>
                    </a:path>
                  </a:pathLst>
                </a:custGeom>
                <a:ln w="12700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349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endParaRPr>
                </a:p>
              </p:txBody>
            </p:sp>
            <p:sp>
              <p:nvSpPr>
                <p:cNvPr id="169" name="Freeform: Shape 168">
                  <a:extLst>
                    <a:ext uri="{FF2B5EF4-FFF2-40B4-BE49-F238E27FC236}">
                      <a16:creationId xmlns:a16="http://schemas.microsoft.com/office/drawing/2014/main" id="{A9689414-4EC7-3633-F74D-3836F95363F5}"/>
                    </a:ext>
                  </a:extLst>
                </p:cNvPr>
                <p:cNvSpPr/>
                <p:nvPr/>
              </p:nvSpPr>
              <p:spPr>
                <a:xfrm>
                  <a:off x="1619048" y="5034131"/>
                  <a:ext cx="14884" cy="41675"/>
                </a:xfrm>
                <a:custGeom>
                  <a:avLst/>
                  <a:gdLst>
                    <a:gd name="connsiteX0" fmla="*/ 0 w 14884"/>
                    <a:gd name="connsiteY0" fmla="*/ 0 h 41675"/>
                    <a:gd name="connsiteX1" fmla="*/ 0 w 14884"/>
                    <a:gd name="connsiteY1" fmla="*/ 41676 h 4167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</a:cxnLst>
                  <a:rect l="l" t="t" r="r" b="b"/>
                  <a:pathLst>
                    <a:path w="14884" h="41675">
                      <a:moveTo>
                        <a:pt x="0" y="0"/>
                      </a:moveTo>
                      <a:lnTo>
                        <a:pt x="0" y="41676"/>
                      </a:lnTo>
                    </a:path>
                  </a:pathLst>
                </a:custGeom>
                <a:ln w="12700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349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endParaRPr>
                </a:p>
              </p:txBody>
            </p:sp>
            <p:sp>
              <p:nvSpPr>
                <p:cNvPr id="170" name="Freeform: Shape 169">
                  <a:extLst>
                    <a:ext uri="{FF2B5EF4-FFF2-40B4-BE49-F238E27FC236}">
                      <a16:creationId xmlns:a16="http://schemas.microsoft.com/office/drawing/2014/main" id="{6779C864-68E2-11EB-CC8D-74936D413CF3}"/>
                    </a:ext>
                  </a:extLst>
                </p:cNvPr>
                <p:cNvSpPr/>
                <p:nvPr/>
              </p:nvSpPr>
              <p:spPr>
                <a:xfrm>
                  <a:off x="1738123" y="5034131"/>
                  <a:ext cx="14884" cy="41675"/>
                </a:xfrm>
                <a:custGeom>
                  <a:avLst/>
                  <a:gdLst>
                    <a:gd name="connsiteX0" fmla="*/ 0 w 14884"/>
                    <a:gd name="connsiteY0" fmla="*/ 0 h 41675"/>
                    <a:gd name="connsiteX1" fmla="*/ 0 w 14884"/>
                    <a:gd name="connsiteY1" fmla="*/ 41676 h 4167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</a:cxnLst>
                  <a:rect l="l" t="t" r="r" b="b"/>
                  <a:pathLst>
                    <a:path w="14884" h="41675">
                      <a:moveTo>
                        <a:pt x="0" y="0"/>
                      </a:moveTo>
                      <a:lnTo>
                        <a:pt x="0" y="41676"/>
                      </a:lnTo>
                    </a:path>
                  </a:pathLst>
                </a:custGeom>
                <a:ln w="12700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349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150" name="Graphic 791">
                <a:extLst>
                  <a:ext uri="{FF2B5EF4-FFF2-40B4-BE49-F238E27FC236}">
                    <a16:creationId xmlns:a16="http://schemas.microsoft.com/office/drawing/2014/main" id="{72FA3AC3-CFD3-2F55-1A1A-40BC0892B985}"/>
                  </a:ext>
                </a:extLst>
              </p:cNvPr>
              <p:cNvGrpSpPr/>
              <p:nvPr/>
            </p:nvGrpSpPr>
            <p:grpSpPr>
              <a:xfrm>
                <a:off x="1407692" y="5130879"/>
                <a:ext cx="267916" cy="163727"/>
                <a:chOff x="1407692" y="5130879"/>
                <a:chExt cx="267916" cy="163727"/>
              </a:xfrm>
              <a:noFill/>
            </p:grpSpPr>
            <p:sp>
              <p:nvSpPr>
                <p:cNvPr id="163" name="Freeform: Shape 162">
                  <a:extLst>
                    <a:ext uri="{FF2B5EF4-FFF2-40B4-BE49-F238E27FC236}">
                      <a16:creationId xmlns:a16="http://schemas.microsoft.com/office/drawing/2014/main" id="{5DBCFE3C-29FD-E869-69FD-1CDBE3E3F6F3}"/>
                    </a:ext>
                  </a:extLst>
                </p:cNvPr>
                <p:cNvSpPr/>
                <p:nvPr/>
              </p:nvSpPr>
              <p:spPr>
                <a:xfrm>
                  <a:off x="1407692" y="5130879"/>
                  <a:ext cx="267916" cy="163727"/>
                </a:xfrm>
                <a:custGeom>
                  <a:avLst/>
                  <a:gdLst>
                    <a:gd name="connsiteX0" fmla="*/ 0 w 267916"/>
                    <a:gd name="connsiteY0" fmla="*/ 0 h 163727"/>
                    <a:gd name="connsiteX1" fmla="*/ 267917 w 267916"/>
                    <a:gd name="connsiteY1" fmla="*/ 0 h 163727"/>
                    <a:gd name="connsiteX2" fmla="*/ 267917 w 267916"/>
                    <a:gd name="connsiteY2" fmla="*/ 163727 h 163727"/>
                    <a:gd name="connsiteX3" fmla="*/ 0 w 267916"/>
                    <a:gd name="connsiteY3" fmla="*/ 163727 h 163727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267916" h="163727">
                      <a:moveTo>
                        <a:pt x="0" y="0"/>
                      </a:moveTo>
                      <a:lnTo>
                        <a:pt x="267917" y="0"/>
                      </a:lnTo>
                      <a:lnTo>
                        <a:pt x="267917" y="163727"/>
                      </a:lnTo>
                      <a:lnTo>
                        <a:pt x="0" y="163727"/>
                      </a:lnTo>
                      <a:close/>
                    </a:path>
                  </a:pathLst>
                </a:custGeom>
                <a:noFill/>
                <a:ln w="12700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349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endParaRPr>
                </a:p>
              </p:txBody>
            </p:sp>
            <p:sp>
              <p:nvSpPr>
                <p:cNvPr id="164" name="Freeform: Shape 163">
                  <a:extLst>
                    <a:ext uri="{FF2B5EF4-FFF2-40B4-BE49-F238E27FC236}">
                      <a16:creationId xmlns:a16="http://schemas.microsoft.com/office/drawing/2014/main" id="{E505379D-BAF5-245B-AEED-C8C5B091B9E6}"/>
                    </a:ext>
                  </a:extLst>
                </p:cNvPr>
                <p:cNvSpPr/>
                <p:nvPr/>
              </p:nvSpPr>
              <p:spPr>
                <a:xfrm>
                  <a:off x="1541650" y="5197858"/>
                  <a:ext cx="14884" cy="41675"/>
                </a:xfrm>
                <a:custGeom>
                  <a:avLst/>
                  <a:gdLst>
                    <a:gd name="connsiteX0" fmla="*/ 0 w 14884"/>
                    <a:gd name="connsiteY0" fmla="*/ 0 h 41675"/>
                    <a:gd name="connsiteX1" fmla="*/ 0 w 14884"/>
                    <a:gd name="connsiteY1" fmla="*/ 41676 h 4167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</a:cxnLst>
                  <a:rect l="l" t="t" r="r" b="b"/>
                  <a:pathLst>
                    <a:path w="14884" h="41675">
                      <a:moveTo>
                        <a:pt x="0" y="0"/>
                      </a:moveTo>
                      <a:lnTo>
                        <a:pt x="0" y="41676"/>
                      </a:lnTo>
                    </a:path>
                  </a:pathLst>
                </a:custGeom>
                <a:ln w="12700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349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endParaRPr>
                </a:p>
              </p:txBody>
            </p:sp>
            <p:sp>
              <p:nvSpPr>
                <p:cNvPr id="165" name="Freeform: Shape 164">
                  <a:extLst>
                    <a:ext uri="{FF2B5EF4-FFF2-40B4-BE49-F238E27FC236}">
                      <a16:creationId xmlns:a16="http://schemas.microsoft.com/office/drawing/2014/main" id="{80067EBB-7157-AF63-9BF5-B960A7C93C96}"/>
                    </a:ext>
                  </a:extLst>
                </p:cNvPr>
                <p:cNvSpPr/>
                <p:nvPr/>
              </p:nvSpPr>
              <p:spPr>
                <a:xfrm>
                  <a:off x="1482113" y="5197858"/>
                  <a:ext cx="14884" cy="41675"/>
                </a:xfrm>
                <a:custGeom>
                  <a:avLst/>
                  <a:gdLst>
                    <a:gd name="connsiteX0" fmla="*/ 0 w 14884"/>
                    <a:gd name="connsiteY0" fmla="*/ 0 h 41675"/>
                    <a:gd name="connsiteX1" fmla="*/ 0 w 14884"/>
                    <a:gd name="connsiteY1" fmla="*/ 41676 h 4167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</a:cxnLst>
                  <a:rect l="l" t="t" r="r" b="b"/>
                  <a:pathLst>
                    <a:path w="14884" h="41675">
                      <a:moveTo>
                        <a:pt x="0" y="0"/>
                      </a:moveTo>
                      <a:lnTo>
                        <a:pt x="0" y="41676"/>
                      </a:lnTo>
                    </a:path>
                  </a:pathLst>
                </a:custGeom>
                <a:ln w="12700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349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endParaRPr>
                </a:p>
              </p:txBody>
            </p:sp>
            <p:sp>
              <p:nvSpPr>
                <p:cNvPr id="166" name="Freeform: Shape 165">
                  <a:extLst>
                    <a:ext uri="{FF2B5EF4-FFF2-40B4-BE49-F238E27FC236}">
                      <a16:creationId xmlns:a16="http://schemas.microsoft.com/office/drawing/2014/main" id="{FB585438-6DBA-DD0A-A2CA-81AA74AF7C62}"/>
                    </a:ext>
                  </a:extLst>
                </p:cNvPr>
                <p:cNvSpPr/>
                <p:nvPr/>
              </p:nvSpPr>
              <p:spPr>
                <a:xfrm>
                  <a:off x="1602676" y="5197858"/>
                  <a:ext cx="14884" cy="41675"/>
                </a:xfrm>
                <a:custGeom>
                  <a:avLst/>
                  <a:gdLst>
                    <a:gd name="connsiteX0" fmla="*/ 0 w 14884"/>
                    <a:gd name="connsiteY0" fmla="*/ 0 h 41675"/>
                    <a:gd name="connsiteX1" fmla="*/ 0 w 14884"/>
                    <a:gd name="connsiteY1" fmla="*/ 41676 h 4167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</a:cxnLst>
                  <a:rect l="l" t="t" r="r" b="b"/>
                  <a:pathLst>
                    <a:path w="14884" h="41675">
                      <a:moveTo>
                        <a:pt x="0" y="0"/>
                      </a:moveTo>
                      <a:lnTo>
                        <a:pt x="0" y="41676"/>
                      </a:lnTo>
                    </a:path>
                  </a:pathLst>
                </a:custGeom>
                <a:ln w="12700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349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151" name="Graphic 791">
                <a:extLst>
                  <a:ext uri="{FF2B5EF4-FFF2-40B4-BE49-F238E27FC236}">
                    <a16:creationId xmlns:a16="http://schemas.microsoft.com/office/drawing/2014/main" id="{084BF02F-E97E-869D-1120-5FC6D5B9FAC5}"/>
                  </a:ext>
                </a:extLst>
              </p:cNvPr>
              <p:cNvGrpSpPr/>
              <p:nvPr/>
            </p:nvGrpSpPr>
            <p:grpSpPr>
              <a:xfrm>
                <a:off x="1675609" y="5130879"/>
                <a:ext cx="269405" cy="193495"/>
                <a:chOff x="1675609" y="5130879"/>
                <a:chExt cx="269405" cy="193495"/>
              </a:xfrm>
              <a:noFill/>
            </p:grpSpPr>
            <p:sp>
              <p:nvSpPr>
                <p:cNvPr id="159" name="Freeform: Shape 158">
                  <a:extLst>
                    <a:ext uri="{FF2B5EF4-FFF2-40B4-BE49-F238E27FC236}">
                      <a16:creationId xmlns:a16="http://schemas.microsoft.com/office/drawing/2014/main" id="{CF7EDD5F-5CC4-F0AA-D2CE-8F409018F408}"/>
                    </a:ext>
                  </a:extLst>
                </p:cNvPr>
                <p:cNvSpPr/>
                <p:nvPr/>
              </p:nvSpPr>
              <p:spPr>
                <a:xfrm>
                  <a:off x="1675609" y="5130879"/>
                  <a:ext cx="269405" cy="193495"/>
                </a:xfrm>
                <a:custGeom>
                  <a:avLst/>
                  <a:gdLst>
                    <a:gd name="connsiteX0" fmla="*/ 0 w 269405"/>
                    <a:gd name="connsiteY0" fmla="*/ 174146 h 193495"/>
                    <a:gd name="connsiteX1" fmla="*/ 0 w 269405"/>
                    <a:gd name="connsiteY1" fmla="*/ 0 h 193495"/>
                    <a:gd name="connsiteX2" fmla="*/ 269405 w 269405"/>
                    <a:gd name="connsiteY2" fmla="*/ 0 h 193495"/>
                    <a:gd name="connsiteX3" fmla="*/ 269405 w 269405"/>
                    <a:gd name="connsiteY3" fmla="*/ 193496 h 19349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269405" h="193495">
                      <a:moveTo>
                        <a:pt x="0" y="174146"/>
                      </a:moveTo>
                      <a:lnTo>
                        <a:pt x="0" y="0"/>
                      </a:lnTo>
                      <a:lnTo>
                        <a:pt x="269405" y="0"/>
                      </a:lnTo>
                      <a:lnTo>
                        <a:pt x="269405" y="193496"/>
                      </a:lnTo>
                    </a:path>
                  </a:pathLst>
                </a:custGeom>
                <a:noFill/>
                <a:ln w="12700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349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endParaRPr>
                </a:p>
              </p:txBody>
            </p:sp>
            <p:sp>
              <p:nvSpPr>
                <p:cNvPr id="160" name="Freeform: Shape 159">
                  <a:extLst>
                    <a:ext uri="{FF2B5EF4-FFF2-40B4-BE49-F238E27FC236}">
                      <a16:creationId xmlns:a16="http://schemas.microsoft.com/office/drawing/2014/main" id="{114DF671-9EBD-0E9A-3B0B-3B822566A4E6}"/>
                    </a:ext>
                  </a:extLst>
                </p:cNvPr>
                <p:cNvSpPr/>
                <p:nvPr/>
              </p:nvSpPr>
              <p:spPr>
                <a:xfrm>
                  <a:off x="1809567" y="5197858"/>
                  <a:ext cx="14884" cy="64002"/>
                </a:xfrm>
                <a:custGeom>
                  <a:avLst/>
                  <a:gdLst>
                    <a:gd name="connsiteX0" fmla="*/ 0 w 14884"/>
                    <a:gd name="connsiteY0" fmla="*/ 0 h 64002"/>
                    <a:gd name="connsiteX1" fmla="*/ 0 w 14884"/>
                    <a:gd name="connsiteY1" fmla="*/ 64002 h 64002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</a:cxnLst>
                  <a:rect l="l" t="t" r="r" b="b"/>
                  <a:pathLst>
                    <a:path w="14884" h="64002">
                      <a:moveTo>
                        <a:pt x="0" y="0"/>
                      </a:moveTo>
                      <a:lnTo>
                        <a:pt x="0" y="64002"/>
                      </a:lnTo>
                    </a:path>
                  </a:pathLst>
                </a:custGeom>
                <a:ln w="12700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349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endParaRPr>
                </a:p>
              </p:txBody>
            </p:sp>
            <p:sp>
              <p:nvSpPr>
                <p:cNvPr id="161" name="Freeform: Shape 160">
                  <a:extLst>
                    <a:ext uri="{FF2B5EF4-FFF2-40B4-BE49-F238E27FC236}">
                      <a16:creationId xmlns:a16="http://schemas.microsoft.com/office/drawing/2014/main" id="{E0551973-3EAE-08F1-5B9D-657F416DEC5E}"/>
                    </a:ext>
                  </a:extLst>
                </p:cNvPr>
                <p:cNvSpPr/>
                <p:nvPr/>
              </p:nvSpPr>
              <p:spPr>
                <a:xfrm>
                  <a:off x="1750030" y="5197858"/>
                  <a:ext cx="14884" cy="64002"/>
                </a:xfrm>
                <a:custGeom>
                  <a:avLst/>
                  <a:gdLst>
                    <a:gd name="connsiteX0" fmla="*/ 0 w 14884"/>
                    <a:gd name="connsiteY0" fmla="*/ 0 h 64002"/>
                    <a:gd name="connsiteX1" fmla="*/ 0 w 14884"/>
                    <a:gd name="connsiteY1" fmla="*/ 64002 h 64002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</a:cxnLst>
                  <a:rect l="l" t="t" r="r" b="b"/>
                  <a:pathLst>
                    <a:path w="14884" h="64002">
                      <a:moveTo>
                        <a:pt x="0" y="0"/>
                      </a:moveTo>
                      <a:lnTo>
                        <a:pt x="0" y="64002"/>
                      </a:lnTo>
                    </a:path>
                  </a:pathLst>
                </a:custGeom>
                <a:ln w="12700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349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endParaRPr>
                </a:p>
              </p:txBody>
            </p:sp>
            <p:sp>
              <p:nvSpPr>
                <p:cNvPr id="162" name="Freeform: Shape 161">
                  <a:extLst>
                    <a:ext uri="{FF2B5EF4-FFF2-40B4-BE49-F238E27FC236}">
                      <a16:creationId xmlns:a16="http://schemas.microsoft.com/office/drawing/2014/main" id="{420D27B1-7BF1-1B8D-65E4-0373FEC923DF}"/>
                    </a:ext>
                  </a:extLst>
                </p:cNvPr>
                <p:cNvSpPr/>
                <p:nvPr/>
              </p:nvSpPr>
              <p:spPr>
                <a:xfrm>
                  <a:off x="1870593" y="5197858"/>
                  <a:ext cx="14884" cy="64002"/>
                </a:xfrm>
                <a:custGeom>
                  <a:avLst/>
                  <a:gdLst>
                    <a:gd name="connsiteX0" fmla="*/ 0 w 14884"/>
                    <a:gd name="connsiteY0" fmla="*/ 0 h 64002"/>
                    <a:gd name="connsiteX1" fmla="*/ 0 w 14884"/>
                    <a:gd name="connsiteY1" fmla="*/ 64002 h 64002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</a:cxnLst>
                  <a:rect l="l" t="t" r="r" b="b"/>
                  <a:pathLst>
                    <a:path w="14884" h="64002">
                      <a:moveTo>
                        <a:pt x="0" y="0"/>
                      </a:moveTo>
                      <a:lnTo>
                        <a:pt x="0" y="64002"/>
                      </a:lnTo>
                    </a:path>
                  </a:pathLst>
                </a:custGeom>
                <a:ln w="12700" cap="rnd">
                  <a:solidFill>
                    <a:schemeClr val="tx1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349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152" name="Freeform: Shape 151">
                <a:extLst>
                  <a:ext uri="{FF2B5EF4-FFF2-40B4-BE49-F238E27FC236}">
                    <a16:creationId xmlns:a16="http://schemas.microsoft.com/office/drawing/2014/main" id="{0C97E1A7-6AC1-F9BB-8C15-63FF3C45A2A2}"/>
                  </a:ext>
                </a:extLst>
              </p:cNvPr>
              <p:cNvSpPr/>
              <p:nvPr/>
            </p:nvSpPr>
            <p:spPr>
              <a:xfrm>
                <a:off x="1907803" y="5066877"/>
                <a:ext cx="217310" cy="263451"/>
              </a:xfrm>
              <a:custGeom>
                <a:avLst/>
                <a:gdLst>
                  <a:gd name="connsiteX0" fmla="*/ 0 w 217310"/>
                  <a:gd name="connsiteY0" fmla="*/ 0 h 263451"/>
                  <a:gd name="connsiteX1" fmla="*/ 181588 w 217310"/>
                  <a:gd name="connsiteY1" fmla="*/ 0 h 263451"/>
                  <a:gd name="connsiteX2" fmla="*/ 181588 w 217310"/>
                  <a:gd name="connsiteY2" fmla="*/ 81864 h 263451"/>
                  <a:gd name="connsiteX3" fmla="*/ 217310 w 217310"/>
                  <a:gd name="connsiteY3" fmla="*/ 81864 h 263451"/>
                  <a:gd name="connsiteX4" fmla="*/ 217310 w 217310"/>
                  <a:gd name="connsiteY4" fmla="*/ 151820 h 263451"/>
                  <a:gd name="connsiteX5" fmla="*/ 181588 w 217310"/>
                  <a:gd name="connsiteY5" fmla="*/ 151820 h 263451"/>
                  <a:gd name="connsiteX6" fmla="*/ 181588 w 217310"/>
                  <a:gd name="connsiteY6" fmla="*/ 263452 h 26345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17310" h="263451">
                    <a:moveTo>
                      <a:pt x="0" y="0"/>
                    </a:moveTo>
                    <a:lnTo>
                      <a:pt x="181588" y="0"/>
                    </a:lnTo>
                    <a:lnTo>
                      <a:pt x="181588" y="81864"/>
                    </a:lnTo>
                    <a:lnTo>
                      <a:pt x="217310" y="81864"/>
                    </a:lnTo>
                    <a:lnTo>
                      <a:pt x="217310" y="151820"/>
                    </a:lnTo>
                    <a:lnTo>
                      <a:pt x="181588" y="151820"/>
                    </a:lnTo>
                    <a:lnTo>
                      <a:pt x="181588" y="263452"/>
                    </a:lnTo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349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53" name="Freeform: Shape 152">
                <a:extLst>
                  <a:ext uri="{FF2B5EF4-FFF2-40B4-BE49-F238E27FC236}">
                    <a16:creationId xmlns:a16="http://schemas.microsoft.com/office/drawing/2014/main" id="{B17FB6C1-28F1-E7C8-9577-856C0EFCFD08}"/>
                  </a:ext>
                </a:extLst>
              </p:cNvPr>
              <p:cNvSpPr/>
              <p:nvPr/>
            </p:nvSpPr>
            <p:spPr>
              <a:xfrm>
                <a:off x="2047715" y="4931430"/>
                <a:ext cx="14884" cy="126516"/>
              </a:xfrm>
              <a:custGeom>
                <a:avLst/>
                <a:gdLst>
                  <a:gd name="connsiteX0" fmla="*/ 0 w 14884"/>
                  <a:gd name="connsiteY0" fmla="*/ 0 h 126516"/>
                  <a:gd name="connsiteX1" fmla="*/ 0 w 14884"/>
                  <a:gd name="connsiteY1" fmla="*/ 126516 h 12651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4884" h="126516">
                    <a:moveTo>
                      <a:pt x="0" y="0"/>
                    </a:moveTo>
                    <a:lnTo>
                      <a:pt x="0" y="126516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349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54" name="Freeform: Shape 153">
                <a:extLst>
                  <a:ext uri="{FF2B5EF4-FFF2-40B4-BE49-F238E27FC236}">
                    <a16:creationId xmlns:a16="http://schemas.microsoft.com/office/drawing/2014/main" id="{B42417D1-EC5C-0EDF-757D-801C030B165B}"/>
                  </a:ext>
                </a:extLst>
              </p:cNvPr>
              <p:cNvSpPr/>
              <p:nvPr/>
            </p:nvSpPr>
            <p:spPr>
              <a:xfrm>
                <a:off x="1986690" y="5004363"/>
                <a:ext cx="14884" cy="53583"/>
              </a:xfrm>
              <a:custGeom>
                <a:avLst/>
                <a:gdLst>
                  <a:gd name="connsiteX0" fmla="*/ 0 w 14884"/>
                  <a:gd name="connsiteY0" fmla="*/ 0 h 53583"/>
                  <a:gd name="connsiteX1" fmla="*/ 0 w 14884"/>
                  <a:gd name="connsiteY1" fmla="*/ 53583 h 5358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4884" h="53583">
                    <a:moveTo>
                      <a:pt x="0" y="0"/>
                    </a:moveTo>
                    <a:lnTo>
                      <a:pt x="0" y="53583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349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55" name="Freeform: Shape 154">
                <a:extLst>
                  <a:ext uri="{FF2B5EF4-FFF2-40B4-BE49-F238E27FC236}">
                    <a16:creationId xmlns:a16="http://schemas.microsoft.com/office/drawing/2014/main" id="{BB28F899-5898-71BD-8155-2BDE0790A417}"/>
                  </a:ext>
                </a:extLst>
              </p:cNvPr>
              <p:cNvSpPr/>
              <p:nvPr/>
            </p:nvSpPr>
            <p:spPr>
              <a:xfrm>
                <a:off x="1327317" y="5293118"/>
                <a:ext cx="797797" cy="214333"/>
              </a:xfrm>
              <a:custGeom>
                <a:avLst/>
                <a:gdLst>
                  <a:gd name="connsiteX0" fmla="*/ 138424 w 797797"/>
                  <a:gd name="connsiteY0" fmla="*/ 214334 h 214333"/>
                  <a:gd name="connsiteX1" fmla="*/ 0 w 797797"/>
                  <a:gd name="connsiteY1" fmla="*/ 0 h 214333"/>
                  <a:gd name="connsiteX2" fmla="*/ 324477 w 797797"/>
                  <a:gd name="connsiteY2" fmla="*/ 0 h 214333"/>
                  <a:gd name="connsiteX3" fmla="*/ 409318 w 797797"/>
                  <a:gd name="connsiteY3" fmla="*/ 35722 h 214333"/>
                  <a:gd name="connsiteX4" fmla="*/ 797797 w 797797"/>
                  <a:gd name="connsiteY4" fmla="*/ 35722 h 214333"/>
                  <a:gd name="connsiteX5" fmla="*/ 797797 w 797797"/>
                  <a:gd name="connsiteY5" fmla="*/ 144377 h 214333"/>
                  <a:gd name="connsiteX6" fmla="*/ 787378 w 797797"/>
                  <a:gd name="connsiteY6" fmla="*/ 200938 h 21433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797797" h="214333">
                    <a:moveTo>
                      <a:pt x="138424" y="214334"/>
                    </a:moveTo>
                    <a:cubicBezTo>
                      <a:pt x="138424" y="110144"/>
                      <a:pt x="0" y="110144"/>
                      <a:pt x="0" y="0"/>
                    </a:cubicBezTo>
                    <a:lnTo>
                      <a:pt x="324477" y="0"/>
                    </a:lnTo>
                    <a:lnTo>
                      <a:pt x="409318" y="35722"/>
                    </a:lnTo>
                    <a:cubicBezTo>
                      <a:pt x="409318" y="35722"/>
                      <a:pt x="744214" y="35722"/>
                      <a:pt x="797797" y="35722"/>
                    </a:cubicBezTo>
                    <a:lnTo>
                      <a:pt x="797797" y="144377"/>
                    </a:lnTo>
                    <a:cubicBezTo>
                      <a:pt x="797797" y="171169"/>
                      <a:pt x="796309" y="187542"/>
                      <a:pt x="787378" y="200938"/>
                    </a:cubicBezTo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349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56" name="Freeform: Shape 155">
                <a:extLst>
                  <a:ext uri="{FF2B5EF4-FFF2-40B4-BE49-F238E27FC236}">
                    <a16:creationId xmlns:a16="http://schemas.microsoft.com/office/drawing/2014/main" id="{921937EE-411A-DE0F-92DC-138A6D1FD41B}"/>
                  </a:ext>
                </a:extLst>
              </p:cNvPr>
              <p:cNvSpPr/>
              <p:nvPr/>
            </p:nvSpPr>
            <p:spPr>
              <a:xfrm>
                <a:off x="1430018" y="5476669"/>
                <a:ext cx="733794" cy="57574"/>
              </a:xfrm>
              <a:custGeom>
                <a:avLst/>
                <a:gdLst>
                  <a:gd name="connsiteX0" fmla="*/ 0 w 733794"/>
                  <a:gd name="connsiteY0" fmla="*/ 57574 h 57574"/>
                  <a:gd name="connsiteX1" fmla="*/ 59537 w 733794"/>
                  <a:gd name="connsiteY1" fmla="*/ 9944 h 57574"/>
                  <a:gd name="connsiteX2" fmla="*/ 102701 w 733794"/>
                  <a:gd name="connsiteY2" fmla="*/ 12921 h 57574"/>
                  <a:gd name="connsiteX3" fmla="*/ 125028 w 733794"/>
                  <a:gd name="connsiteY3" fmla="*/ 35248 h 57574"/>
                  <a:gd name="connsiteX4" fmla="*/ 169681 w 733794"/>
                  <a:gd name="connsiteY4" fmla="*/ 38225 h 57574"/>
                  <a:gd name="connsiteX5" fmla="*/ 203915 w 733794"/>
                  <a:gd name="connsiteY5" fmla="*/ 9944 h 57574"/>
                  <a:gd name="connsiteX6" fmla="*/ 247079 w 733794"/>
                  <a:gd name="connsiteY6" fmla="*/ 11433 h 57574"/>
                  <a:gd name="connsiteX7" fmla="*/ 272382 w 733794"/>
                  <a:gd name="connsiteY7" fmla="*/ 35248 h 57574"/>
                  <a:gd name="connsiteX8" fmla="*/ 317035 w 733794"/>
                  <a:gd name="connsiteY8" fmla="*/ 36736 h 57574"/>
                  <a:gd name="connsiteX9" fmla="*/ 348292 w 733794"/>
                  <a:gd name="connsiteY9" fmla="*/ 9944 h 57574"/>
                  <a:gd name="connsiteX10" fmla="*/ 391456 w 733794"/>
                  <a:gd name="connsiteY10" fmla="*/ 9944 h 57574"/>
                  <a:gd name="connsiteX11" fmla="*/ 419737 w 733794"/>
                  <a:gd name="connsiteY11" fmla="*/ 35248 h 57574"/>
                  <a:gd name="connsiteX12" fmla="*/ 462901 w 733794"/>
                  <a:gd name="connsiteY12" fmla="*/ 35248 h 57574"/>
                  <a:gd name="connsiteX13" fmla="*/ 489693 w 733794"/>
                  <a:gd name="connsiteY13" fmla="*/ 9944 h 57574"/>
                  <a:gd name="connsiteX14" fmla="*/ 532857 w 733794"/>
                  <a:gd name="connsiteY14" fmla="*/ 8456 h 57574"/>
                  <a:gd name="connsiteX15" fmla="*/ 564114 w 733794"/>
                  <a:gd name="connsiteY15" fmla="*/ 35248 h 57574"/>
                  <a:gd name="connsiteX16" fmla="*/ 608767 w 733794"/>
                  <a:gd name="connsiteY16" fmla="*/ 33759 h 57574"/>
                  <a:gd name="connsiteX17" fmla="*/ 632582 w 733794"/>
                  <a:gd name="connsiteY17" fmla="*/ 9944 h 57574"/>
                  <a:gd name="connsiteX18" fmla="*/ 675746 w 733794"/>
                  <a:gd name="connsiteY18" fmla="*/ 6967 h 57574"/>
                  <a:gd name="connsiteX19" fmla="*/ 733795 w 733794"/>
                  <a:gd name="connsiteY19" fmla="*/ 53109 h 575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</a:cxnLst>
                <a:rect l="l" t="t" r="r" b="b"/>
                <a:pathLst>
                  <a:path w="733794" h="57574">
                    <a:moveTo>
                      <a:pt x="0" y="57574"/>
                    </a:moveTo>
                    <a:lnTo>
                      <a:pt x="59537" y="9944"/>
                    </a:lnTo>
                    <a:cubicBezTo>
                      <a:pt x="72933" y="-475"/>
                      <a:pt x="90794" y="1014"/>
                      <a:pt x="102701" y="12921"/>
                    </a:cubicBezTo>
                    <a:lnTo>
                      <a:pt x="125028" y="35248"/>
                    </a:lnTo>
                    <a:cubicBezTo>
                      <a:pt x="136935" y="47155"/>
                      <a:pt x="156285" y="48644"/>
                      <a:pt x="169681" y="38225"/>
                    </a:cubicBezTo>
                    <a:lnTo>
                      <a:pt x="203915" y="9944"/>
                    </a:lnTo>
                    <a:cubicBezTo>
                      <a:pt x="217310" y="-475"/>
                      <a:pt x="235172" y="-475"/>
                      <a:pt x="247079" y="11433"/>
                    </a:cubicBezTo>
                    <a:lnTo>
                      <a:pt x="272382" y="35248"/>
                    </a:lnTo>
                    <a:cubicBezTo>
                      <a:pt x="285778" y="47155"/>
                      <a:pt x="303639" y="47155"/>
                      <a:pt x="317035" y="36736"/>
                    </a:cubicBezTo>
                    <a:lnTo>
                      <a:pt x="348292" y="9944"/>
                    </a:lnTo>
                    <a:cubicBezTo>
                      <a:pt x="361688" y="-1963"/>
                      <a:pt x="378061" y="-475"/>
                      <a:pt x="391456" y="9944"/>
                    </a:cubicBezTo>
                    <a:lnTo>
                      <a:pt x="419737" y="35248"/>
                    </a:lnTo>
                    <a:cubicBezTo>
                      <a:pt x="433132" y="47155"/>
                      <a:pt x="450994" y="47155"/>
                      <a:pt x="462901" y="35248"/>
                    </a:cubicBezTo>
                    <a:lnTo>
                      <a:pt x="489693" y="9944"/>
                    </a:lnTo>
                    <a:cubicBezTo>
                      <a:pt x="503089" y="-1963"/>
                      <a:pt x="519461" y="-1963"/>
                      <a:pt x="532857" y="8456"/>
                    </a:cubicBezTo>
                    <a:lnTo>
                      <a:pt x="564114" y="35248"/>
                    </a:lnTo>
                    <a:cubicBezTo>
                      <a:pt x="577510" y="47155"/>
                      <a:pt x="595371" y="45667"/>
                      <a:pt x="608767" y="33759"/>
                    </a:cubicBezTo>
                    <a:lnTo>
                      <a:pt x="632582" y="9944"/>
                    </a:lnTo>
                    <a:cubicBezTo>
                      <a:pt x="644489" y="-1963"/>
                      <a:pt x="662350" y="-3451"/>
                      <a:pt x="675746" y="6967"/>
                    </a:cubicBezTo>
                    <a:lnTo>
                      <a:pt x="733795" y="53109"/>
                    </a:lnTo>
                  </a:path>
                </a:pathLst>
              </a:custGeom>
              <a:noFill/>
              <a:ln w="12700" cap="rnd">
                <a:solidFill>
                  <a:srgbClr val="0431A6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349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57" name="Freeform: Shape 156">
                <a:extLst>
                  <a:ext uri="{FF2B5EF4-FFF2-40B4-BE49-F238E27FC236}">
                    <a16:creationId xmlns:a16="http://schemas.microsoft.com/office/drawing/2014/main" id="{432DBF9F-090E-6D12-EAC5-941763EF8E34}"/>
                  </a:ext>
                </a:extLst>
              </p:cNvPr>
              <p:cNvSpPr/>
              <p:nvPr/>
            </p:nvSpPr>
            <p:spPr>
              <a:xfrm>
                <a:off x="1272245" y="5605055"/>
                <a:ext cx="778447" cy="60169"/>
              </a:xfrm>
              <a:custGeom>
                <a:avLst/>
                <a:gdLst>
                  <a:gd name="connsiteX0" fmla="*/ 0 w 778447"/>
                  <a:gd name="connsiteY0" fmla="*/ 27424 h 60169"/>
                  <a:gd name="connsiteX1" fmla="*/ 17861 w 778447"/>
                  <a:gd name="connsiteY1" fmla="*/ 14028 h 60169"/>
                  <a:gd name="connsiteX2" fmla="*/ 66979 w 778447"/>
                  <a:gd name="connsiteY2" fmla="*/ 17005 h 60169"/>
                  <a:gd name="connsiteX3" fmla="*/ 92283 w 778447"/>
                  <a:gd name="connsiteY3" fmla="*/ 42308 h 60169"/>
                  <a:gd name="connsiteX4" fmla="*/ 141401 w 778447"/>
                  <a:gd name="connsiteY4" fmla="*/ 45285 h 60169"/>
                  <a:gd name="connsiteX5" fmla="*/ 178611 w 778447"/>
                  <a:gd name="connsiteY5" fmla="*/ 14028 h 60169"/>
                  <a:gd name="connsiteX6" fmla="*/ 227729 w 778447"/>
                  <a:gd name="connsiteY6" fmla="*/ 15516 h 60169"/>
                  <a:gd name="connsiteX7" fmla="*/ 257498 w 778447"/>
                  <a:gd name="connsiteY7" fmla="*/ 42308 h 60169"/>
                  <a:gd name="connsiteX8" fmla="*/ 306616 w 778447"/>
                  <a:gd name="connsiteY8" fmla="*/ 43796 h 60169"/>
                  <a:gd name="connsiteX9" fmla="*/ 340850 w 778447"/>
                  <a:gd name="connsiteY9" fmla="*/ 14028 h 60169"/>
                  <a:gd name="connsiteX10" fmla="*/ 389968 w 778447"/>
                  <a:gd name="connsiteY10" fmla="*/ 14028 h 60169"/>
                  <a:gd name="connsiteX11" fmla="*/ 422713 w 778447"/>
                  <a:gd name="connsiteY11" fmla="*/ 42308 h 60169"/>
                  <a:gd name="connsiteX12" fmla="*/ 471832 w 778447"/>
                  <a:gd name="connsiteY12" fmla="*/ 40819 h 60169"/>
                  <a:gd name="connsiteX13" fmla="*/ 503088 w 778447"/>
                  <a:gd name="connsiteY13" fmla="*/ 12539 h 60169"/>
                  <a:gd name="connsiteX14" fmla="*/ 552207 w 778447"/>
                  <a:gd name="connsiteY14" fmla="*/ 11051 h 60169"/>
                  <a:gd name="connsiteX15" fmla="*/ 587929 w 778447"/>
                  <a:gd name="connsiteY15" fmla="*/ 40819 h 60169"/>
                  <a:gd name="connsiteX16" fmla="*/ 637047 w 778447"/>
                  <a:gd name="connsiteY16" fmla="*/ 37843 h 60169"/>
                  <a:gd name="connsiteX17" fmla="*/ 663839 w 778447"/>
                  <a:gd name="connsiteY17" fmla="*/ 11051 h 60169"/>
                  <a:gd name="connsiteX18" fmla="*/ 712957 w 778447"/>
                  <a:gd name="connsiteY18" fmla="*/ 8074 h 60169"/>
                  <a:gd name="connsiteX19" fmla="*/ 778448 w 778447"/>
                  <a:gd name="connsiteY19" fmla="*/ 60169 h 601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</a:cxnLst>
                <a:rect l="l" t="t" r="r" b="b"/>
                <a:pathLst>
                  <a:path w="778447" h="60169">
                    <a:moveTo>
                      <a:pt x="0" y="27424"/>
                    </a:moveTo>
                    <a:lnTo>
                      <a:pt x="17861" y="14028"/>
                    </a:lnTo>
                    <a:cubicBezTo>
                      <a:pt x="32745" y="2120"/>
                      <a:pt x="52095" y="3609"/>
                      <a:pt x="66979" y="17005"/>
                    </a:cubicBezTo>
                    <a:lnTo>
                      <a:pt x="92283" y="42308"/>
                    </a:lnTo>
                    <a:cubicBezTo>
                      <a:pt x="107167" y="57192"/>
                      <a:pt x="126516" y="57192"/>
                      <a:pt x="141401" y="45285"/>
                    </a:cubicBezTo>
                    <a:lnTo>
                      <a:pt x="178611" y="14028"/>
                    </a:lnTo>
                    <a:cubicBezTo>
                      <a:pt x="193496" y="2120"/>
                      <a:pt x="212845" y="2120"/>
                      <a:pt x="227729" y="15516"/>
                    </a:cubicBezTo>
                    <a:lnTo>
                      <a:pt x="257498" y="42308"/>
                    </a:lnTo>
                    <a:cubicBezTo>
                      <a:pt x="272382" y="55704"/>
                      <a:pt x="291732" y="55704"/>
                      <a:pt x="306616" y="43796"/>
                    </a:cubicBezTo>
                    <a:lnTo>
                      <a:pt x="340850" y="14028"/>
                    </a:lnTo>
                    <a:cubicBezTo>
                      <a:pt x="355734" y="632"/>
                      <a:pt x="375084" y="632"/>
                      <a:pt x="389968" y="14028"/>
                    </a:cubicBezTo>
                    <a:lnTo>
                      <a:pt x="422713" y="42308"/>
                    </a:lnTo>
                    <a:cubicBezTo>
                      <a:pt x="437598" y="55704"/>
                      <a:pt x="458436" y="55704"/>
                      <a:pt x="471832" y="40819"/>
                    </a:cubicBezTo>
                    <a:lnTo>
                      <a:pt x="503088" y="12539"/>
                    </a:lnTo>
                    <a:cubicBezTo>
                      <a:pt x="517973" y="-856"/>
                      <a:pt x="537322" y="-856"/>
                      <a:pt x="552207" y="11051"/>
                    </a:cubicBezTo>
                    <a:lnTo>
                      <a:pt x="587929" y="40819"/>
                    </a:lnTo>
                    <a:cubicBezTo>
                      <a:pt x="602813" y="52727"/>
                      <a:pt x="623651" y="52727"/>
                      <a:pt x="637047" y="37843"/>
                    </a:cubicBezTo>
                    <a:lnTo>
                      <a:pt x="663839" y="11051"/>
                    </a:lnTo>
                    <a:cubicBezTo>
                      <a:pt x="677235" y="-2345"/>
                      <a:pt x="698073" y="-3833"/>
                      <a:pt x="712957" y="8074"/>
                    </a:cubicBezTo>
                    <a:lnTo>
                      <a:pt x="778448" y="60169"/>
                    </a:lnTo>
                  </a:path>
                </a:pathLst>
              </a:custGeom>
              <a:noFill/>
              <a:ln w="12700" cap="rnd">
                <a:solidFill>
                  <a:srgbClr val="0431A6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349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58" name="Freeform: Shape 157">
                <a:extLst>
                  <a:ext uri="{FF2B5EF4-FFF2-40B4-BE49-F238E27FC236}">
                    <a16:creationId xmlns:a16="http://schemas.microsoft.com/office/drawing/2014/main" id="{B609BE97-7EE9-D0DE-C495-2A5AEDAFDEF1}"/>
                  </a:ext>
                </a:extLst>
              </p:cNvPr>
              <p:cNvSpPr/>
              <p:nvPr/>
            </p:nvSpPr>
            <p:spPr>
              <a:xfrm>
                <a:off x="1599699" y="5367539"/>
                <a:ext cx="35722" cy="14884"/>
              </a:xfrm>
              <a:custGeom>
                <a:avLst/>
                <a:gdLst>
                  <a:gd name="connsiteX0" fmla="*/ 0 w 35722"/>
                  <a:gd name="connsiteY0" fmla="*/ 0 h 14884"/>
                  <a:gd name="connsiteX1" fmla="*/ 35722 w 35722"/>
                  <a:gd name="connsiteY1" fmla="*/ 0 h 1488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35722" h="14884">
                    <a:moveTo>
                      <a:pt x="0" y="0"/>
                    </a:moveTo>
                    <a:lnTo>
                      <a:pt x="35722" y="0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349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  <p:grpSp>
          <p:nvGrpSpPr>
            <p:cNvPr id="135" name="Graphic 776">
              <a:extLst>
                <a:ext uri="{FF2B5EF4-FFF2-40B4-BE49-F238E27FC236}">
                  <a16:creationId xmlns:a16="http://schemas.microsoft.com/office/drawing/2014/main" id="{CF820918-A27D-1B03-7BF4-A432DA1B5148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1190324" y="2019156"/>
              <a:ext cx="442560" cy="440059"/>
              <a:chOff x="1300163" y="2459473"/>
              <a:chExt cx="838101" cy="833365"/>
            </a:xfrm>
          </p:grpSpPr>
          <p:sp>
            <p:nvSpPr>
              <p:cNvPr id="136" name="Freeform: Shape 135">
                <a:extLst>
                  <a:ext uri="{FF2B5EF4-FFF2-40B4-BE49-F238E27FC236}">
                    <a16:creationId xmlns:a16="http://schemas.microsoft.com/office/drawing/2014/main" id="{141F41FD-82D6-7028-3184-5E85840E71B1}"/>
                  </a:ext>
                </a:extLst>
              </p:cNvPr>
              <p:cNvSpPr/>
              <p:nvPr/>
            </p:nvSpPr>
            <p:spPr>
              <a:xfrm>
                <a:off x="1987043" y="2919261"/>
                <a:ext cx="49378" cy="67052"/>
              </a:xfrm>
              <a:custGeom>
                <a:avLst/>
                <a:gdLst>
                  <a:gd name="connsiteX0" fmla="*/ 49328 w 49378"/>
                  <a:gd name="connsiteY0" fmla="*/ 5474 h 67052"/>
                  <a:gd name="connsiteX1" fmla="*/ 23328 w 49378"/>
                  <a:gd name="connsiteY1" fmla="*/ 67052 h 67052"/>
                  <a:gd name="connsiteX2" fmla="*/ 65 w 49378"/>
                  <a:gd name="connsiteY2" fmla="*/ 0 h 670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9378" h="67052">
                    <a:moveTo>
                      <a:pt x="49328" y="5474"/>
                    </a:moveTo>
                    <a:cubicBezTo>
                      <a:pt x="50697" y="41053"/>
                      <a:pt x="23328" y="67052"/>
                      <a:pt x="23328" y="67052"/>
                    </a:cubicBezTo>
                    <a:cubicBezTo>
                      <a:pt x="19223" y="64316"/>
                      <a:pt x="-1303" y="35579"/>
                      <a:pt x="65" y="0"/>
                    </a:cubicBezTo>
                  </a:path>
                </a:pathLst>
              </a:custGeom>
              <a:noFill/>
              <a:ln w="12700" cap="rnd">
                <a:solidFill>
                  <a:srgbClr val="335CB7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349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37" name="Freeform: Shape 136">
                <a:extLst>
                  <a:ext uri="{FF2B5EF4-FFF2-40B4-BE49-F238E27FC236}">
                    <a16:creationId xmlns:a16="http://schemas.microsoft.com/office/drawing/2014/main" id="{04A2A9AD-6C66-5603-C42C-000385E1A94B}"/>
                  </a:ext>
                </a:extLst>
              </p:cNvPr>
              <p:cNvSpPr/>
              <p:nvPr/>
            </p:nvSpPr>
            <p:spPr>
              <a:xfrm>
                <a:off x="1985740" y="2764630"/>
                <a:ext cx="60210" cy="69789"/>
              </a:xfrm>
              <a:custGeom>
                <a:avLst/>
                <a:gdLst>
                  <a:gd name="connsiteX0" fmla="*/ 60210 w 60210"/>
                  <a:gd name="connsiteY0" fmla="*/ 69789 h 69789"/>
                  <a:gd name="connsiteX1" fmla="*/ 60210 w 60210"/>
                  <a:gd name="connsiteY1" fmla="*/ 17789 h 69789"/>
                  <a:gd name="connsiteX2" fmla="*/ 43789 w 60210"/>
                  <a:gd name="connsiteY2" fmla="*/ 0 h 69789"/>
                  <a:gd name="connsiteX3" fmla="*/ 16421 w 60210"/>
                  <a:gd name="connsiteY3" fmla="*/ 0 h 69789"/>
                  <a:gd name="connsiteX4" fmla="*/ 0 w 60210"/>
                  <a:gd name="connsiteY4" fmla="*/ 17789 h 69789"/>
                  <a:gd name="connsiteX5" fmla="*/ 0 w 60210"/>
                  <a:gd name="connsiteY5" fmla="*/ 47895 h 697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60210" h="69789">
                    <a:moveTo>
                      <a:pt x="60210" y="69789"/>
                    </a:moveTo>
                    <a:lnTo>
                      <a:pt x="60210" y="17789"/>
                    </a:lnTo>
                    <a:cubicBezTo>
                      <a:pt x="60210" y="8211"/>
                      <a:pt x="52000" y="0"/>
                      <a:pt x="43789" y="0"/>
                    </a:cubicBezTo>
                    <a:lnTo>
                      <a:pt x="16421" y="0"/>
                    </a:lnTo>
                    <a:cubicBezTo>
                      <a:pt x="6842" y="0"/>
                      <a:pt x="0" y="8211"/>
                      <a:pt x="0" y="17789"/>
                    </a:cubicBezTo>
                    <a:lnTo>
                      <a:pt x="0" y="47895"/>
                    </a:lnTo>
                  </a:path>
                </a:pathLst>
              </a:custGeom>
              <a:noFill/>
              <a:ln w="12700" cap="rnd">
                <a:solidFill>
                  <a:srgbClr val="335CB7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349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38" name="Freeform: Shape 137">
                <a:extLst>
                  <a:ext uri="{FF2B5EF4-FFF2-40B4-BE49-F238E27FC236}">
                    <a16:creationId xmlns:a16="http://schemas.microsoft.com/office/drawing/2014/main" id="{1895C530-68D2-3AF9-B98A-B163B58DC33B}"/>
                  </a:ext>
                </a:extLst>
              </p:cNvPr>
              <p:cNvSpPr/>
              <p:nvPr/>
            </p:nvSpPr>
            <p:spPr>
              <a:xfrm>
                <a:off x="1417797" y="2919261"/>
                <a:ext cx="49378" cy="67052"/>
              </a:xfrm>
              <a:custGeom>
                <a:avLst/>
                <a:gdLst>
                  <a:gd name="connsiteX0" fmla="*/ 50 w 49378"/>
                  <a:gd name="connsiteY0" fmla="*/ 5474 h 67052"/>
                  <a:gd name="connsiteX1" fmla="*/ 26050 w 49378"/>
                  <a:gd name="connsiteY1" fmla="*/ 67052 h 67052"/>
                  <a:gd name="connsiteX2" fmla="*/ 49313 w 49378"/>
                  <a:gd name="connsiteY2" fmla="*/ 0 h 670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9378" h="67052">
                    <a:moveTo>
                      <a:pt x="50" y="5474"/>
                    </a:moveTo>
                    <a:cubicBezTo>
                      <a:pt x="-1319" y="41053"/>
                      <a:pt x="26050" y="67052"/>
                      <a:pt x="26050" y="67052"/>
                    </a:cubicBezTo>
                    <a:cubicBezTo>
                      <a:pt x="30155" y="64316"/>
                      <a:pt x="50681" y="35579"/>
                      <a:pt x="49313" y="0"/>
                    </a:cubicBezTo>
                  </a:path>
                </a:pathLst>
              </a:custGeom>
              <a:noFill/>
              <a:ln w="12700" cap="rnd">
                <a:solidFill>
                  <a:srgbClr val="335CB7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349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39" name="Freeform: Shape 138">
                <a:extLst>
                  <a:ext uri="{FF2B5EF4-FFF2-40B4-BE49-F238E27FC236}">
                    <a16:creationId xmlns:a16="http://schemas.microsoft.com/office/drawing/2014/main" id="{C056AB89-EECB-144E-1918-022E5D31C793}"/>
                  </a:ext>
                </a:extLst>
              </p:cNvPr>
              <p:cNvSpPr/>
              <p:nvPr/>
            </p:nvSpPr>
            <p:spPr>
              <a:xfrm>
                <a:off x="1408268" y="2764630"/>
                <a:ext cx="60210" cy="69789"/>
              </a:xfrm>
              <a:custGeom>
                <a:avLst/>
                <a:gdLst>
                  <a:gd name="connsiteX0" fmla="*/ 0 w 60210"/>
                  <a:gd name="connsiteY0" fmla="*/ 69789 h 69789"/>
                  <a:gd name="connsiteX1" fmla="*/ 0 w 60210"/>
                  <a:gd name="connsiteY1" fmla="*/ 17789 h 69789"/>
                  <a:gd name="connsiteX2" fmla="*/ 16421 w 60210"/>
                  <a:gd name="connsiteY2" fmla="*/ 0 h 69789"/>
                  <a:gd name="connsiteX3" fmla="*/ 43789 w 60210"/>
                  <a:gd name="connsiteY3" fmla="*/ 0 h 69789"/>
                  <a:gd name="connsiteX4" fmla="*/ 60210 w 60210"/>
                  <a:gd name="connsiteY4" fmla="*/ 17789 h 69789"/>
                  <a:gd name="connsiteX5" fmla="*/ 60210 w 60210"/>
                  <a:gd name="connsiteY5" fmla="*/ 47895 h 697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60210" h="69789">
                    <a:moveTo>
                      <a:pt x="0" y="69789"/>
                    </a:moveTo>
                    <a:lnTo>
                      <a:pt x="0" y="17789"/>
                    </a:lnTo>
                    <a:cubicBezTo>
                      <a:pt x="0" y="8211"/>
                      <a:pt x="8211" y="0"/>
                      <a:pt x="16421" y="0"/>
                    </a:cubicBezTo>
                    <a:lnTo>
                      <a:pt x="43789" y="0"/>
                    </a:lnTo>
                    <a:cubicBezTo>
                      <a:pt x="53368" y="0"/>
                      <a:pt x="60210" y="8211"/>
                      <a:pt x="60210" y="17789"/>
                    </a:cubicBezTo>
                    <a:lnTo>
                      <a:pt x="60210" y="47895"/>
                    </a:lnTo>
                  </a:path>
                </a:pathLst>
              </a:custGeom>
              <a:noFill/>
              <a:ln w="12700" cap="rnd">
                <a:solidFill>
                  <a:srgbClr val="335CB7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349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40" name="Freeform: Shape 139">
                <a:extLst>
                  <a:ext uri="{FF2B5EF4-FFF2-40B4-BE49-F238E27FC236}">
                    <a16:creationId xmlns:a16="http://schemas.microsoft.com/office/drawing/2014/main" id="{2AA776BB-A46D-5784-7F3E-2E96FB674EFD}"/>
                  </a:ext>
                </a:extLst>
              </p:cNvPr>
              <p:cNvSpPr/>
              <p:nvPr/>
            </p:nvSpPr>
            <p:spPr>
              <a:xfrm>
                <a:off x="1313216" y="2750945"/>
                <a:ext cx="324945" cy="187473"/>
              </a:xfrm>
              <a:custGeom>
                <a:avLst/>
                <a:gdLst>
                  <a:gd name="connsiteX0" fmla="*/ 324945 w 324945"/>
                  <a:gd name="connsiteY0" fmla="*/ 0 h 187473"/>
                  <a:gd name="connsiteX1" fmla="*/ 30736 w 324945"/>
                  <a:gd name="connsiteY1" fmla="*/ 113579 h 187473"/>
                  <a:gd name="connsiteX2" fmla="*/ 4736 w 324945"/>
                  <a:gd name="connsiteY2" fmla="*/ 187473 h 187473"/>
                  <a:gd name="connsiteX3" fmla="*/ 227788 w 324945"/>
                  <a:gd name="connsiteY3" fmla="*/ 156000 h 187473"/>
                  <a:gd name="connsiteX4" fmla="*/ 324945 w 324945"/>
                  <a:gd name="connsiteY4" fmla="*/ 160105 h 187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4945" h="187473">
                    <a:moveTo>
                      <a:pt x="324945" y="0"/>
                    </a:moveTo>
                    <a:lnTo>
                      <a:pt x="30736" y="113579"/>
                    </a:lnTo>
                    <a:cubicBezTo>
                      <a:pt x="30736" y="113579"/>
                      <a:pt x="-14422" y="135473"/>
                      <a:pt x="4736" y="187473"/>
                    </a:cubicBezTo>
                    <a:cubicBezTo>
                      <a:pt x="227788" y="156000"/>
                      <a:pt x="227788" y="156000"/>
                      <a:pt x="227788" y="156000"/>
                    </a:cubicBezTo>
                    <a:lnTo>
                      <a:pt x="324945" y="160105"/>
                    </a:lnTo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349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41" name="Freeform: Shape 140">
                <a:extLst>
                  <a:ext uri="{FF2B5EF4-FFF2-40B4-BE49-F238E27FC236}">
                    <a16:creationId xmlns:a16="http://schemas.microsoft.com/office/drawing/2014/main" id="{9655272C-D805-11FA-27B9-C158CEB7BF05}"/>
                  </a:ext>
                </a:extLst>
              </p:cNvPr>
              <p:cNvSpPr/>
              <p:nvPr/>
            </p:nvSpPr>
            <p:spPr>
              <a:xfrm>
                <a:off x="1698372" y="3083471"/>
                <a:ext cx="54802" cy="209367"/>
              </a:xfrm>
              <a:custGeom>
                <a:avLst/>
                <a:gdLst>
                  <a:gd name="connsiteX0" fmla="*/ 31474 w 54802"/>
                  <a:gd name="connsiteY0" fmla="*/ 209368 h 209367"/>
                  <a:gd name="connsiteX1" fmla="*/ 54737 w 54802"/>
                  <a:gd name="connsiteY1" fmla="*/ 58842 h 209367"/>
                  <a:gd name="connsiteX2" fmla="*/ 27368 w 54802"/>
                  <a:gd name="connsiteY2" fmla="*/ 0 h 209367"/>
                  <a:gd name="connsiteX3" fmla="*/ 0 w 54802"/>
                  <a:gd name="connsiteY3" fmla="*/ 58842 h 209367"/>
                  <a:gd name="connsiteX4" fmla="*/ 31474 w 54802"/>
                  <a:gd name="connsiteY4" fmla="*/ 209368 h 2093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54802" h="209367">
                    <a:moveTo>
                      <a:pt x="31474" y="209368"/>
                    </a:moveTo>
                    <a:cubicBezTo>
                      <a:pt x="35579" y="203894"/>
                      <a:pt x="56105" y="138210"/>
                      <a:pt x="54737" y="58842"/>
                    </a:cubicBezTo>
                    <a:cubicBezTo>
                      <a:pt x="53368" y="6842"/>
                      <a:pt x="27368" y="0"/>
                      <a:pt x="27368" y="0"/>
                    </a:cubicBezTo>
                    <a:cubicBezTo>
                      <a:pt x="27368" y="0"/>
                      <a:pt x="1368" y="6842"/>
                      <a:pt x="0" y="58842"/>
                    </a:cubicBezTo>
                    <a:cubicBezTo>
                      <a:pt x="0" y="138210"/>
                      <a:pt x="31474" y="209368"/>
                      <a:pt x="31474" y="209368"/>
                    </a:cubicBezTo>
                    <a:close/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349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42" name="Freeform: Shape 141">
                <a:extLst>
                  <a:ext uri="{FF2B5EF4-FFF2-40B4-BE49-F238E27FC236}">
                    <a16:creationId xmlns:a16="http://schemas.microsoft.com/office/drawing/2014/main" id="{C1CA1C6A-751F-D7D2-3108-30345B78BE7A}"/>
                  </a:ext>
                </a:extLst>
              </p:cNvPr>
              <p:cNvSpPr/>
              <p:nvPr/>
            </p:nvSpPr>
            <p:spPr>
              <a:xfrm>
                <a:off x="1571109" y="3105366"/>
                <a:ext cx="124526" cy="108104"/>
              </a:xfrm>
              <a:custGeom>
                <a:avLst/>
                <a:gdLst>
                  <a:gd name="connsiteX0" fmla="*/ 123158 w 124526"/>
                  <a:gd name="connsiteY0" fmla="*/ 0 h 108104"/>
                  <a:gd name="connsiteX1" fmla="*/ 0 w 124526"/>
                  <a:gd name="connsiteY1" fmla="*/ 57474 h 108104"/>
                  <a:gd name="connsiteX2" fmla="*/ 0 w 124526"/>
                  <a:gd name="connsiteY2" fmla="*/ 108105 h 108104"/>
                  <a:gd name="connsiteX3" fmla="*/ 124526 w 124526"/>
                  <a:gd name="connsiteY3" fmla="*/ 75263 h 10810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24526" h="108104">
                    <a:moveTo>
                      <a:pt x="123158" y="0"/>
                    </a:moveTo>
                    <a:lnTo>
                      <a:pt x="0" y="57474"/>
                    </a:lnTo>
                    <a:lnTo>
                      <a:pt x="0" y="108105"/>
                    </a:lnTo>
                    <a:lnTo>
                      <a:pt x="124526" y="75263"/>
                    </a:lnTo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349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43" name="Freeform: Shape 142">
                <a:extLst>
                  <a:ext uri="{FF2B5EF4-FFF2-40B4-BE49-F238E27FC236}">
                    <a16:creationId xmlns:a16="http://schemas.microsoft.com/office/drawing/2014/main" id="{648A8EBE-99B7-5D6B-F932-709E09702B8B}"/>
                  </a:ext>
                </a:extLst>
              </p:cNvPr>
              <p:cNvSpPr/>
              <p:nvPr/>
            </p:nvSpPr>
            <p:spPr>
              <a:xfrm>
                <a:off x="1300163" y="2459473"/>
                <a:ext cx="13684" cy="13684"/>
              </a:xfrm>
              <a:custGeom>
                <a:avLst/>
                <a:gdLst/>
                <a:ahLst/>
                <a:cxnLst/>
                <a:rect l="l" t="t" r="r" b="b"/>
                <a:pathLst>
                  <a:path w="13684" h="13684"/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349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44" name="Freeform: Shape 143">
                <a:extLst>
                  <a:ext uri="{FF2B5EF4-FFF2-40B4-BE49-F238E27FC236}">
                    <a16:creationId xmlns:a16="http://schemas.microsoft.com/office/drawing/2014/main" id="{6488AA11-3C54-2EC6-C802-D4BB321BED7E}"/>
                  </a:ext>
                </a:extLst>
              </p:cNvPr>
              <p:cNvSpPr/>
              <p:nvPr/>
            </p:nvSpPr>
            <p:spPr>
              <a:xfrm>
                <a:off x="1637867" y="2473157"/>
                <a:ext cx="172854" cy="640419"/>
              </a:xfrm>
              <a:custGeom>
                <a:avLst/>
                <a:gdLst>
                  <a:gd name="connsiteX0" fmla="*/ 130295 w 172854"/>
                  <a:gd name="connsiteY0" fmla="*/ 640420 h 640419"/>
                  <a:gd name="connsiteX1" fmla="*/ 157663 w 172854"/>
                  <a:gd name="connsiteY1" fmla="*/ 577472 h 640419"/>
                  <a:gd name="connsiteX2" fmla="*/ 171347 w 172854"/>
                  <a:gd name="connsiteY2" fmla="*/ 466630 h 640419"/>
                  <a:gd name="connsiteX3" fmla="*/ 172715 w 172854"/>
                  <a:gd name="connsiteY3" fmla="*/ 264105 h 640419"/>
                  <a:gd name="connsiteX4" fmla="*/ 109768 w 172854"/>
                  <a:gd name="connsiteY4" fmla="*/ 8211 h 640419"/>
                  <a:gd name="connsiteX5" fmla="*/ 61874 w 172854"/>
                  <a:gd name="connsiteY5" fmla="*/ 8211 h 640419"/>
                  <a:gd name="connsiteX6" fmla="*/ 295 w 172854"/>
                  <a:gd name="connsiteY6" fmla="*/ 264105 h 640419"/>
                  <a:gd name="connsiteX7" fmla="*/ 1663 w 172854"/>
                  <a:gd name="connsiteY7" fmla="*/ 466630 h 640419"/>
                  <a:gd name="connsiteX8" fmla="*/ 15347 w 172854"/>
                  <a:gd name="connsiteY8" fmla="*/ 577472 h 640419"/>
                  <a:gd name="connsiteX9" fmla="*/ 42716 w 172854"/>
                  <a:gd name="connsiteY9" fmla="*/ 640420 h 64041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172854" h="640419">
                    <a:moveTo>
                      <a:pt x="130295" y="640420"/>
                    </a:moveTo>
                    <a:cubicBezTo>
                      <a:pt x="142610" y="622630"/>
                      <a:pt x="150821" y="599367"/>
                      <a:pt x="157663" y="577472"/>
                    </a:cubicBezTo>
                    <a:cubicBezTo>
                      <a:pt x="168610" y="540525"/>
                      <a:pt x="172715" y="503578"/>
                      <a:pt x="171347" y="466630"/>
                    </a:cubicBezTo>
                    <a:cubicBezTo>
                      <a:pt x="171347" y="436525"/>
                      <a:pt x="171347" y="379052"/>
                      <a:pt x="172715" y="264105"/>
                    </a:cubicBezTo>
                    <a:cubicBezTo>
                      <a:pt x="175452" y="99895"/>
                      <a:pt x="137137" y="34210"/>
                      <a:pt x="109768" y="8211"/>
                    </a:cubicBezTo>
                    <a:cubicBezTo>
                      <a:pt x="98821" y="-2737"/>
                      <a:pt x="74189" y="-2737"/>
                      <a:pt x="61874" y="8211"/>
                    </a:cubicBezTo>
                    <a:cubicBezTo>
                      <a:pt x="35874" y="34210"/>
                      <a:pt x="-3810" y="99895"/>
                      <a:pt x="295" y="264105"/>
                    </a:cubicBezTo>
                    <a:cubicBezTo>
                      <a:pt x="3032" y="379052"/>
                      <a:pt x="3032" y="437894"/>
                      <a:pt x="1663" y="466630"/>
                    </a:cubicBezTo>
                    <a:cubicBezTo>
                      <a:pt x="1663" y="503578"/>
                      <a:pt x="5769" y="540525"/>
                      <a:pt x="15347" y="577472"/>
                    </a:cubicBezTo>
                    <a:cubicBezTo>
                      <a:pt x="22190" y="599367"/>
                      <a:pt x="30400" y="622630"/>
                      <a:pt x="42716" y="640420"/>
                    </a:cubicBezTo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349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45" name="Freeform: Shape 144">
                <a:extLst>
                  <a:ext uri="{FF2B5EF4-FFF2-40B4-BE49-F238E27FC236}">
                    <a16:creationId xmlns:a16="http://schemas.microsoft.com/office/drawing/2014/main" id="{10DE918E-CC78-4965-C1B7-3ACBFEB0C1FF}"/>
                  </a:ext>
                </a:extLst>
              </p:cNvPr>
              <p:cNvSpPr/>
              <p:nvPr/>
            </p:nvSpPr>
            <p:spPr>
              <a:xfrm>
                <a:off x="1753109" y="3105366"/>
                <a:ext cx="121789" cy="108104"/>
              </a:xfrm>
              <a:custGeom>
                <a:avLst/>
                <a:gdLst>
                  <a:gd name="connsiteX0" fmla="*/ 0 w 121789"/>
                  <a:gd name="connsiteY0" fmla="*/ 0 h 108104"/>
                  <a:gd name="connsiteX1" fmla="*/ 121789 w 121789"/>
                  <a:gd name="connsiteY1" fmla="*/ 57474 h 108104"/>
                  <a:gd name="connsiteX2" fmla="*/ 121789 w 121789"/>
                  <a:gd name="connsiteY2" fmla="*/ 108105 h 108104"/>
                  <a:gd name="connsiteX3" fmla="*/ 5474 w 121789"/>
                  <a:gd name="connsiteY3" fmla="*/ 78000 h 10810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21789" h="108104">
                    <a:moveTo>
                      <a:pt x="0" y="0"/>
                    </a:moveTo>
                    <a:lnTo>
                      <a:pt x="121789" y="57474"/>
                    </a:lnTo>
                    <a:lnTo>
                      <a:pt x="121789" y="108105"/>
                    </a:lnTo>
                    <a:lnTo>
                      <a:pt x="5474" y="78000"/>
                    </a:lnTo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349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46" name="Freeform: Shape 145">
                <a:extLst>
                  <a:ext uri="{FF2B5EF4-FFF2-40B4-BE49-F238E27FC236}">
                    <a16:creationId xmlns:a16="http://schemas.microsoft.com/office/drawing/2014/main" id="{20763E2F-464E-5EF9-7C40-EF59A33352C3}"/>
                  </a:ext>
                </a:extLst>
              </p:cNvPr>
              <p:cNvSpPr/>
              <p:nvPr/>
            </p:nvSpPr>
            <p:spPr>
              <a:xfrm>
                <a:off x="1681951" y="2559367"/>
                <a:ext cx="82105" cy="34210"/>
              </a:xfrm>
              <a:custGeom>
                <a:avLst/>
                <a:gdLst>
                  <a:gd name="connsiteX0" fmla="*/ 82105 w 82105"/>
                  <a:gd name="connsiteY0" fmla="*/ 34210 h 34210"/>
                  <a:gd name="connsiteX1" fmla="*/ 41053 w 82105"/>
                  <a:gd name="connsiteY1" fmla="*/ 0 h 34210"/>
                  <a:gd name="connsiteX2" fmla="*/ 0 w 82105"/>
                  <a:gd name="connsiteY2" fmla="*/ 34210 h 3421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2105" h="34210">
                    <a:moveTo>
                      <a:pt x="82105" y="34210"/>
                    </a:moveTo>
                    <a:cubicBezTo>
                      <a:pt x="72526" y="8211"/>
                      <a:pt x="57474" y="0"/>
                      <a:pt x="41053" y="0"/>
                    </a:cubicBezTo>
                    <a:cubicBezTo>
                      <a:pt x="24632" y="0"/>
                      <a:pt x="9579" y="9579"/>
                      <a:pt x="0" y="34210"/>
                    </a:cubicBezTo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349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47" name="Freeform: Shape 146">
                <a:extLst>
                  <a:ext uri="{FF2B5EF4-FFF2-40B4-BE49-F238E27FC236}">
                    <a16:creationId xmlns:a16="http://schemas.microsoft.com/office/drawing/2014/main" id="{DCF4AD1E-2233-8496-5C7C-7E780BF13541}"/>
                  </a:ext>
                </a:extLst>
              </p:cNvPr>
              <p:cNvSpPr/>
              <p:nvPr/>
            </p:nvSpPr>
            <p:spPr>
              <a:xfrm>
                <a:off x="1724372" y="2630525"/>
                <a:ext cx="13684" cy="325683"/>
              </a:xfrm>
              <a:custGeom>
                <a:avLst/>
                <a:gdLst>
                  <a:gd name="connsiteX0" fmla="*/ 0 w 13684"/>
                  <a:gd name="connsiteY0" fmla="*/ 0 h 325683"/>
                  <a:gd name="connsiteX1" fmla="*/ 0 w 13684"/>
                  <a:gd name="connsiteY1" fmla="*/ 325683 h 32568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3684" h="325683">
                    <a:moveTo>
                      <a:pt x="0" y="0"/>
                    </a:moveTo>
                    <a:lnTo>
                      <a:pt x="0" y="325683"/>
                    </a:lnTo>
                  </a:path>
                </a:pathLst>
              </a:custGeom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349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48" name="Freeform: Shape 147">
                <a:extLst>
                  <a:ext uri="{FF2B5EF4-FFF2-40B4-BE49-F238E27FC236}">
                    <a16:creationId xmlns:a16="http://schemas.microsoft.com/office/drawing/2014/main" id="{D813EB5E-6CC4-7644-0666-3075741D28D6}"/>
                  </a:ext>
                </a:extLst>
              </p:cNvPr>
              <p:cNvSpPr/>
              <p:nvPr/>
            </p:nvSpPr>
            <p:spPr>
              <a:xfrm>
                <a:off x="1811951" y="2750945"/>
                <a:ext cx="326313" cy="187473"/>
              </a:xfrm>
              <a:custGeom>
                <a:avLst/>
                <a:gdLst>
                  <a:gd name="connsiteX0" fmla="*/ 0 w 326313"/>
                  <a:gd name="connsiteY0" fmla="*/ 0 h 187473"/>
                  <a:gd name="connsiteX1" fmla="*/ 295578 w 326313"/>
                  <a:gd name="connsiteY1" fmla="*/ 113579 h 187473"/>
                  <a:gd name="connsiteX2" fmla="*/ 321578 w 326313"/>
                  <a:gd name="connsiteY2" fmla="*/ 187473 h 187473"/>
                  <a:gd name="connsiteX3" fmla="*/ 98526 w 326313"/>
                  <a:gd name="connsiteY3" fmla="*/ 156000 h 187473"/>
                  <a:gd name="connsiteX4" fmla="*/ 0 w 326313"/>
                  <a:gd name="connsiteY4" fmla="*/ 160105 h 187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313" h="187473">
                    <a:moveTo>
                      <a:pt x="0" y="0"/>
                    </a:moveTo>
                    <a:lnTo>
                      <a:pt x="295578" y="113579"/>
                    </a:lnTo>
                    <a:cubicBezTo>
                      <a:pt x="295578" y="113579"/>
                      <a:pt x="340736" y="135473"/>
                      <a:pt x="321578" y="187473"/>
                    </a:cubicBezTo>
                    <a:cubicBezTo>
                      <a:pt x="98526" y="156000"/>
                      <a:pt x="98526" y="156000"/>
                      <a:pt x="98526" y="156000"/>
                    </a:cubicBezTo>
                    <a:lnTo>
                      <a:pt x="0" y="160105"/>
                    </a:lnTo>
                  </a:path>
                </a:pathLst>
              </a:custGeom>
              <a:noFill/>
              <a:ln w="12700" cap="rnd">
                <a:solidFill>
                  <a:schemeClr val="tx1"/>
                </a:solidFill>
                <a:prstDash val="solid"/>
                <a:round/>
              </a:ln>
            </p:spPr>
            <p:txBody>
              <a:bodyPr rtlCol="0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349" b="0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</p:grpSp>
      <p:pic>
        <p:nvPicPr>
          <p:cNvPr id="172" name="Graphic 171">
            <a:extLst>
              <a:ext uri="{FF2B5EF4-FFF2-40B4-BE49-F238E27FC236}">
                <a16:creationId xmlns:a16="http://schemas.microsoft.com/office/drawing/2014/main" id="{9D38F216-C4CE-D05D-91D5-B2755164E63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052563" y="4118437"/>
            <a:ext cx="296472" cy="90000"/>
          </a:xfrm>
          <a:prstGeom prst="rect">
            <a:avLst/>
          </a:prstGeom>
        </p:spPr>
      </p:pic>
      <p:pic>
        <p:nvPicPr>
          <p:cNvPr id="173" name="Graphic 172">
            <a:extLst>
              <a:ext uri="{FF2B5EF4-FFF2-40B4-BE49-F238E27FC236}">
                <a16:creationId xmlns:a16="http://schemas.microsoft.com/office/drawing/2014/main" id="{93633695-0EC2-9985-D9AB-E0F4DA54369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8887418" y="4169119"/>
            <a:ext cx="213460" cy="64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1412251"/>
      </p:ext>
    </p:extLst>
  </p:cSld>
  <p:clrMapOvr>
    <a:masterClrMapping/>
  </p:clrMapOvr>
  <p:transition spd="slow">
    <p:push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1" name="Google Shape;41;p1"/>
          <p:cNvPicPr preferRelativeResize="0"/>
          <p:nvPr/>
        </p:nvPicPr>
        <p:blipFill rotWithShape="1">
          <a:blip r:embed="rId3">
            <a:alphaModFix/>
          </a:blip>
          <a:srcRect l="4003" t="22570"/>
          <a:stretch/>
        </p:blipFill>
        <p:spPr>
          <a:xfrm>
            <a:off x="0" y="-79250"/>
            <a:ext cx="12192000" cy="6937249"/>
          </a:xfrm>
          <a:prstGeom prst="rect">
            <a:avLst/>
          </a:prstGeom>
          <a:solidFill>
            <a:srgbClr val="571A00"/>
          </a:solidFill>
          <a:ln>
            <a:noFill/>
          </a:ln>
        </p:spPr>
      </p:pic>
      <p:sp>
        <p:nvSpPr>
          <p:cNvPr id="42" name="Google Shape;42;p1"/>
          <p:cNvSpPr txBox="1"/>
          <p:nvPr/>
        </p:nvSpPr>
        <p:spPr>
          <a:xfrm>
            <a:off x="304772" y="330400"/>
            <a:ext cx="4991100" cy="1878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0000"/>
              </a:buClr>
              <a:buSzPts val="2000"/>
              <a:buFont typeface="Arial"/>
              <a:buNone/>
            </a:pPr>
            <a:r>
              <a:rPr lang="da-DK" sz="6100" dirty="0">
                <a:solidFill>
                  <a:schemeClr val="lt1"/>
                </a:solidFill>
                <a:latin typeface="Georgia"/>
                <a:ea typeface="Georgia"/>
                <a:cs typeface="Georgia"/>
                <a:sym typeface="Georgia"/>
              </a:rPr>
              <a:t>Cybercrime </a:t>
            </a:r>
            <a:r>
              <a:rPr lang="da-DK" sz="6100" dirty="0" err="1">
                <a:solidFill>
                  <a:schemeClr val="lt1"/>
                </a:solidFill>
                <a:latin typeface="Georgia"/>
                <a:ea typeface="Georgia"/>
                <a:cs typeface="Georgia"/>
                <a:sym typeface="Georgia"/>
              </a:rPr>
              <a:t>Survey</a:t>
            </a:r>
            <a:r>
              <a:rPr lang="da-DK" sz="6100" dirty="0">
                <a:solidFill>
                  <a:schemeClr val="lt1"/>
                </a:solidFill>
                <a:latin typeface="Georgia"/>
                <a:ea typeface="Georgia"/>
                <a:cs typeface="Georgia"/>
                <a:sym typeface="Georgia"/>
              </a:rPr>
              <a:t> 2023</a:t>
            </a:r>
            <a:endParaRPr sz="6100" i="0" u="none" strike="noStrike" cap="none" dirty="0">
              <a:solidFill>
                <a:schemeClr val="lt1"/>
              </a:solidFill>
              <a:latin typeface="Georgia"/>
              <a:ea typeface="Georgia"/>
              <a:cs typeface="Georgia"/>
              <a:sym typeface="Georgia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8EE3E2FB-3C37-9680-94E1-0FAAE4BD93DD}"/>
              </a:ext>
            </a:extLst>
          </p:cNvPr>
          <p:cNvSpPr/>
          <p:nvPr/>
        </p:nvSpPr>
        <p:spPr>
          <a:xfrm>
            <a:off x="7998781" y="-79250"/>
            <a:ext cx="4193219" cy="6937249"/>
          </a:xfrm>
          <a:prstGeom prst="rect">
            <a:avLst/>
          </a:prstGeom>
          <a:solidFill>
            <a:srgbClr val="0B132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97BAE81-9303-7124-D7AE-8F41036D2011}"/>
              </a:ext>
            </a:extLst>
          </p:cNvPr>
          <p:cNvSpPr txBox="1"/>
          <p:nvPr/>
        </p:nvSpPr>
        <p:spPr>
          <a:xfrm>
            <a:off x="8230362" y="4781598"/>
            <a:ext cx="3730056" cy="16312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chemeClr val="accent2"/>
                </a:solidFill>
              </a:rPr>
              <a:t>556 danske og 106 norske virksomhedsledere, it-chefer og it-sikkerhedsspecialister har deltaget i PwC’s Cybercrime </a:t>
            </a:r>
            <a:r>
              <a:rPr lang="da-DK" sz="2000" dirty="0" err="1">
                <a:solidFill>
                  <a:schemeClr val="accent2"/>
                </a:solidFill>
              </a:rPr>
              <a:t>Survey</a:t>
            </a:r>
            <a:r>
              <a:rPr lang="da-DK" sz="2000" dirty="0">
                <a:solidFill>
                  <a:schemeClr val="accent2"/>
                </a:solidFill>
              </a:rPr>
              <a:t> 2023.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240D8F64-9AEA-1095-5134-93916C057645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fld id="{7078A906-2D08-41E1-AB60-65B14A75BB60}" type="slidenum">
              <a:rPr lang="da-DK" smtClean="0"/>
              <a:pPr/>
              <a:t>7</a:t>
            </a:fld>
            <a:endParaRPr lang="da-DK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4F2131A8-5E90-6160-FA05-8637CFF70E34}"/>
              </a:ext>
            </a:extLst>
          </p:cNvPr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da-DK"/>
              <a:t>Cyber Agenda 2024</a:t>
            </a:r>
          </a:p>
        </p:txBody>
      </p:sp>
    </p:spTree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7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" name="Google Shape;80;g29fd7e1232e_0_193"/>
          <p:cNvSpPr/>
          <p:nvPr/>
        </p:nvSpPr>
        <p:spPr>
          <a:xfrm flipH="1">
            <a:off x="-50" y="1038225"/>
            <a:ext cx="5626800" cy="876300"/>
          </a:xfrm>
          <a:prstGeom prst="rect">
            <a:avLst/>
          </a:prstGeom>
          <a:solidFill>
            <a:schemeClr val="lt1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600"/>
              <a:buFont typeface="Arial"/>
              <a:buNone/>
            </a:pPr>
            <a:endParaRPr sz="1600" b="0" i="0" u="none" strike="noStrike" cap="none">
              <a:solidFill>
                <a:schemeClr val="lt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83" name="Google Shape;83;g29fd7e1232e_0_193"/>
          <p:cNvPicPr preferRelativeResize="0"/>
          <p:nvPr/>
        </p:nvPicPr>
        <p:blipFill rotWithShape="1">
          <a:blip r:embed="rId3">
            <a:alphaModFix/>
          </a:blip>
          <a:srcRect t="46334" r="42289"/>
          <a:stretch/>
        </p:blipFill>
        <p:spPr>
          <a:xfrm>
            <a:off x="-50" y="2003100"/>
            <a:ext cx="7263226" cy="4169099"/>
          </a:xfrm>
          <a:prstGeom prst="rect">
            <a:avLst/>
          </a:prstGeom>
          <a:noFill/>
          <a:ln>
            <a:noFill/>
          </a:ln>
        </p:spPr>
      </p:pic>
      <p:sp>
        <p:nvSpPr>
          <p:cNvPr id="84" name="Google Shape;84;g29fd7e1232e_0_193"/>
          <p:cNvSpPr txBox="1"/>
          <p:nvPr/>
        </p:nvSpPr>
        <p:spPr>
          <a:xfrm>
            <a:off x="6975925" y="2165825"/>
            <a:ext cx="4639500" cy="1908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da-DK" sz="4000">
                <a:solidFill>
                  <a:schemeClr val="accent4"/>
                </a:solidFill>
              </a:rPr>
              <a:t>45 </a:t>
            </a:r>
            <a:r>
              <a:rPr lang="da-DK" sz="4000">
                <a:solidFill>
                  <a:schemeClr val="accent4"/>
                </a:solidFill>
                <a:latin typeface="Arial"/>
                <a:ea typeface="Arial"/>
                <a:cs typeface="Arial"/>
                <a:sym typeface="Arial"/>
              </a:rPr>
              <a:t>%</a:t>
            </a:r>
            <a:endParaRPr>
              <a:solidFill>
                <a:schemeClr val="accent4"/>
              </a:solidFill>
            </a:endParaRPr>
          </a:p>
          <a:p>
            <a:pPr marL="0" lvl="0" indent="0" algn="l" rtl="0">
              <a:spcBef>
                <a:spcPts val="600"/>
              </a:spcBef>
              <a:spcAft>
                <a:spcPts val="0"/>
              </a:spcAft>
              <a:buClr>
                <a:schemeClr val="dk1"/>
              </a:buClr>
              <a:buSzPts val="1100"/>
              <a:buFont typeface="Arial"/>
              <a:buNone/>
            </a:pPr>
            <a:r>
              <a:rPr lang="da-DK" sz="2000">
                <a:solidFill>
                  <a:schemeClr val="dk1"/>
                </a:solidFill>
              </a:rPr>
              <a:t>fortæller, at deres virksomhed har været udsat for mindst én sikkerhedshændelse i løbet af de seneste 12 måned</a:t>
            </a:r>
            <a:endParaRPr sz="2000"/>
          </a:p>
          <a:p>
            <a:pPr marL="0" marR="0" lvl="0" indent="0" algn="l" rtl="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None/>
            </a:pPr>
            <a:endParaRPr/>
          </a:p>
        </p:txBody>
      </p:sp>
      <p:grpSp>
        <p:nvGrpSpPr>
          <p:cNvPr id="85" name="Google Shape;85;g29fd7e1232e_0_193"/>
          <p:cNvGrpSpPr/>
          <p:nvPr/>
        </p:nvGrpSpPr>
        <p:grpSpPr>
          <a:xfrm>
            <a:off x="6934142" y="2113746"/>
            <a:ext cx="4639283" cy="1828764"/>
            <a:chOff x="304779" y="2094614"/>
            <a:chExt cx="9203100" cy="1377600"/>
          </a:xfrm>
        </p:grpSpPr>
        <p:cxnSp>
          <p:nvCxnSpPr>
            <p:cNvPr id="86" name="Google Shape;86;g29fd7e1232e_0_193"/>
            <p:cNvCxnSpPr/>
            <p:nvPr/>
          </p:nvCxnSpPr>
          <p:spPr>
            <a:xfrm>
              <a:off x="304779" y="2094614"/>
              <a:ext cx="9203100" cy="0"/>
            </a:xfrm>
            <a:prstGeom prst="straightConnector1">
              <a:avLst/>
            </a:prstGeom>
            <a:noFill/>
            <a:ln w="10150" cap="sq" cmpd="sng">
              <a:solidFill>
                <a:srgbClr val="DB3A61"/>
              </a:solidFill>
              <a:prstDash val="solid"/>
              <a:round/>
              <a:headEnd type="none" w="sm" len="sm"/>
              <a:tailEnd type="none" w="sm" len="sm"/>
            </a:ln>
          </p:spPr>
        </p:cxnSp>
        <p:cxnSp>
          <p:nvCxnSpPr>
            <p:cNvPr id="87" name="Google Shape;87;g29fd7e1232e_0_193"/>
            <p:cNvCxnSpPr/>
            <p:nvPr/>
          </p:nvCxnSpPr>
          <p:spPr>
            <a:xfrm>
              <a:off x="304779" y="3472214"/>
              <a:ext cx="9203100" cy="0"/>
            </a:xfrm>
            <a:prstGeom prst="straightConnector1">
              <a:avLst/>
            </a:prstGeom>
            <a:noFill/>
            <a:ln w="10150" cap="sq" cmpd="sng">
              <a:solidFill>
                <a:srgbClr val="DB3A61"/>
              </a:solidFill>
              <a:prstDash val="solid"/>
              <a:round/>
              <a:headEnd type="none" w="sm" len="sm"/>
              <a:tailEnd type="none" w="sm" len="sm"/>
            </a:ln>
          </p:spPr>
        </p:cxnSp>
      </p:grpSp>
      <p:pic>
        <p:nvPicPr>
          <p:cNvPr id="88" name="Google Shape;88;g29fd7e1232e_0_193"/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0" y="-1"/>
            <a:ext cx="12243504" cy="1821815"/>
          </a:xfrm>
          <a:prstGeom prst="rect">
            <a:avLst/>
          </a:prstGeom>
          <a:noFill/>
          <a:ln>
            <a:noFill/>
          </a:ln>
        </p:spPr>
      </p:pic>
      <p:pic>
        <p:nvPicPr>
          <p:cNvPr id="89" name="Google Shape;89;g29fd7e1232e_0_193"/>
          <p:cNvPicPr preferRelativeResize="0"/>
          <p:nvPr/>
        </p:nvPicPr>
        <p:blipFill rotWithShape="1">
          <a:blip r:embed="rId5">
            <a:alphaModFix/>
          </a:blip>
          <a:srcRect/>
          <a:stretch/>
        </p:blipFill>
        <p:spPr>
          <a:xfrm rot="-3865511">
            <a:off x="10267216" y="-1744592"/>
            <a:ext cx="3297796" cy="3297796"/>
          </a:xfrm>
          <a:prstGeom prst="rect">
            <a:avLst/>
          </a:prstGeom>
          <a:noFill/>
          <a:ln>
            <a:noFill/>
          </a:ln>
        </p:spPr>
      </p:pic>
      <p:sp>
        <p:nvSpPr>
          <p:cNvPr id="90" name="Google Shape;90;g29fd7e1232e_0_193"/>
          <p:cNvSpPr txBox="1"/>
          <p:nvPr/>
        </p:nvSpPr>
        <p:spPr>
          <a:xfrm>
            <a:off x="6975925" y="4299425"/>
            <a:ext cx="4597500" cy="1924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da-DK" sz="4000">
                <a:solidFill>
                  <a:schemeClr val="accent4"/>
                </a:solidFill>
              </a:rPr>
              <a:t>23 </a:t>
            </a:r>
            <a:r>
              <a:rPr lang="da-DK" sz="4000">
                <a:solidFill>
                  <a:schemeClr val="accent4"/>
                </a:solidFill>
                <a:latin typeface="Arial"/>
                <a:ea typeface="Arial"/>
                <a:cs typeface="Arial"/>
                <a:sym typeface="Arial"/>
              </a:rPr>
              <a:t>%</a:t>
            </a:r>
            <a:endParaRPr>
              <a:solidFill>
                <a:schemeClr val="accent4"/>
              </a:solidFill>
            </a:endParaRPr>
          </a:p>
          <a:p>
            <a:pPr marL="0" lvl="0" indent="0" algn="l" rtl="0">
              <a:spcBef>
                <a:spcPts val="600"/>
              </a:spcBef>
              <a:spcAft>
                <a:spcPts val="0"/>
              </a:spcAft>
              <a:buClr>
                <a:schemeClr val="dk1"/>
              </a:buClr>
              <a:buSzPts val="1100"/>
              <a:buFont typeface="Arial"/>
              <a:buNone/>
            </a:pPr>
            <a:r>
              <a:rPr lang="da-DK" sz="2000"/>
              <a:t>fortæller, at de ikke kan fastslå, om de har været udsat for en eller flere sikkerhedshændelser målrettet deres virksomhed</a:t>
            </a:r>
            <a:endParaRPr/>
          </a:p>
        </p:txBody>
      </p:sp>
      <p:grpSp>
        <p:nvGrpSpPr>
          <p:cNvPr id="91" name="Google Shape;91;g29fd7e1232e_0_193"/>
          <p:cNvGrpSpPr/>
          <p:nvPr/>
        </p:nvGrpSpPr>
        <p:grpSpPr>
          <a:xfrm>
            <a:off x="6934142" y="4247346"/>
            <a:ext cx="4639283" cy="2133564"/>
            <a:chOff x="304779" y="2094614"/>
            <a:chExt cx="9203100" cy="1607204"/>
          </a:xfrm>
        </p:grpSpPr>
        <p:cxnSp>
          <p:nvCxnSpPr>
            <p:cNvPr id="92" name="Google Shape;92;g29fd7e1232e_0_193"/>
            <p:cNvCxnSpPr/>
            <p:nvPr/>
          </p:nvCxnSpPr>
          <p:spPr>
            <a:xfrm>
              <a:off x="304779" y="2094614"/>
              <a:ext cx="9203100" cy="0"/>
            </a:xfrm>
            <a:prstGeom prst="straightConnector1">
              <a:avLst/>
            </a:prstGeom>
            <a:noFill/>
            <a:ln w="10150" cap="sq" cmpd="sng">
              <a:solidFill>
                <a:srgbClr val="DB3A61"/>
              </a:solidFill>
              <a:prstDash val="solid"/>
              <a:round/>
              <a:headEnd type="none" w="sm" len="sm"/>
              <a:tailEnd type="none" w="sm" len="sm"/>
            </a:ln>
          </p:spPr>
        </p:cxnSp>
        <p:cxnSp>
          <p:nvCxnSpPr>
            <p:cNvPr id="93" name="Google Shape;93;g29fd7e1232e_0_193"/>
            <p:cNvCxnSpPr/>
            <p:nvPr/>
          </p:nvCxnSpPr>
          <p:spPr>
            <a:xfrm>
              <a:off x="304779" y="3701818"/>
              <a:ext cx="9203100" cy="0"/>
            </a:xfrm>
            <a:prstGeom prst="straightConnector1">
              <a:avLst/>
            </a:prstGeom>
            <a:noFill/>
            <a:ln w="10150" cap="sq" cmpd="sng">
              <a:solidFill>
                <a:srgbClr val="DB3A61"/>
              </a:solidFill>
              <a:prstDash val="solid"/>
              <a:round/>
              <a:headEnd type="none" w="sm" len="sm"/>
              <a:tailEnd type="none" w="sm" len="sm"/>
            </a:ln>
          </p:spPr>
        </p:cxnSp>
      </p:grp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9614DBA8-EC36-6789-6B6F-C04683F20928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fld id="{7078A906-2D08-41E1-AB60-65B14A75BB60}" type="slidenum">
              <a:rPr lang="da-DK" smtClean="0"/>
              <a:pPr/>
              <a:t>8</a:t>
            </a:fld>
            <a:endParaRPr lang="da-DK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8E17921-D4E4-B834-DD9A-C6EF77E6DF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37A6292-B4F6-37D5-919B-7B0DED7228DE}"/>
              </a:ext>
            </a:extLst>
          </p:cNvPr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da-DK"/>
              <a:t>Cyber Agenda 2024</a:t>
            </a:r>
          </a:p>
        </p:txBody>
      </p:sp>
    </p:spTree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3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1" name="Google Shape;141;g29d43c695c9_0_384"/>
          <p:cNvSpPr txBox="1"/>
          <p:nvPr/>
        </p:nvSpPr>
        <p:spPr>
          <a:xfrm>
            <a:off x="276912" y="807311"/>
            <a:ext cx="2734143" cy="169277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  <a:buFont typeface="Arial"/>
              <a:buNone/>
            </a:pPr>
            <a:r>
              <a:rPr lang="da-DK" sz="2200" dirty="0">
                <a:solidFill>
                  <a:schemeClr val="dk1"/>
                </a:solidFill>
                <a:latin typeface="Georgia"/>
                <a:ea typeface="Georgia"/>
                <a:cs typeface="Georgia"/>
                <a:sym typeface="Georgia"/>
              </a:rPr>
              <a:t>Virksomhederne bekymrer sig mere for cyberkriminalitet i dag end for 12 måneder siden</a:t>
            </a:r>
          </a:p>
        </p:txBody>
      </p:sp>
      <p:pic>
        <p:nvPicPr>
          <p:cNvPr id="143" name="Google Shape;143;g29d43c695c9_0_384"/>
          <p:cNvPicPr preferRelativeResize="0"/>
          <p:nvPr/>
        </p:nvPicPr>
        <p:blipFill rotWithShape="1">
          <a:blip r:embed="rId3">
            <a:alphaModFix/>
          </a:blip>
          <a:srcRect b="45598"/>
          <a:stretch/>
        </p:blipFill>
        <p:spPr>
          <a:xfrm>
            <a:off x="3425150" y="386900"/>
            <a:ext cx="8837751" cy="2913700"/>
          </a:xfrm>
          <a:prstGeom prst="rect">
            <a:avLst/>
          </a:prstGeom>
          <a:noFill/>
          <a:ln>
            <a:noFill/>
          </a:ln>
        </p:spPr>
      </p:pic>
      <p:pic>
        <p:nvPicPr>
          <p:cNvPr id="144" name="Google Shape;144;g29d43c695c9_0_384"/>
          <p:cNvPicPr preferRelativeResize="0"/>
          <p:nvPr/>
        </p:nvPicPr>
        <p:blipFill rotWithShape="1">
          <a:blip r:embed="rId4">
            <a:alphaModFix/>
          </a:blip>
          <a:srcRect l="49302" t="52135" b="4287"/>
          <a:stretch/>
        </p:blipFill>
        <p:spPr>
          <a:xfrm>
            <a:off x="8633900" y="3230899"/>
            <a:ext cx="3628999" cy="3038101"/>
          </a:xfrm>
          <a:prstGeom prst="rect">
            <a:avLst/>
          </a:prstGeom>
          <a:noFill/>
          <a:ln>
            <a:noFill/>
          </a:ln>
        </p:spPr>
      </p:pic>
      <p:grpSp>
        <p:nvGrpSpPr>
          <p:cNvPr id="146" name="Google Shape;146;g29d43c695c9_0_384"/>
          <p:cNvGrpSpPr/>
          <p:nvPr/>
        </p:nvGrpSpPr>
        <p:grpSpPr>
          <a:xfrm>
            <a:off x="158874" y="412329"/>
            <a:ext cx="3066473" cy="2366005"/>
            <a:chOff x="304779" y="765716"/>
            <a:chExt cx="9203100" cy="2366005"/>
          </a:xfrm>
        </p:grpSpPr>
        <p:cxnSp>
          <p:nvCxnSpPr>
            <p:cNvPr id="147" name="Google Shape;147;g29d43c695c9_0_384"/>
            <p:cNvCxnSpPr/>
            <p:nvPr/>
          </p:nvCxnSpPr>
          <p:spPr>
            <a:xfrm>
              <a:off x="304779" y="3131721"/>
              <a:ext cx="9203100" cy="0"/>
            </a:xfrm>
            <a:prstGeom prst="straightConnector1">
              <a:avLst/>
            </a:prstGeom>
            <a:noFill/>
            <a:ln w="10150" cap="sq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p:spPr>
        </p:cxnSp>
        <p:cxnSp>
          <p:nvCxnSpPr>
            <p:cNvPr id="149" name="Google Shape;149;g29d43c695c9_0_384"/>
            <p:cNvCxnSpPr/>
            <p:nvPr/>
          </p:nvCxnSpPr>
          <p:spPr>
            <a:xfrm>
              <a:off x="304779" y="765716"/>
              <a:ext cx="9203100" cy="0"/>
            </a:xfrm>
            <a:prstGeom prst="straightConnector1">
              <a:avLst/>
            </a:prstGeom>
            <a:noFill/>
            <a:ln w="10150" cap="sq" cmpd="sng">
              <a:solidFill>
                <a:schemeClr val="dk1"/>
              </a:solidFill>
              <a:prstDash val="solid"/>
              <a:round/>
              <a:headEnd type="none" w="sm" len="sm"/>
              <a:tailEnd type="none" w="sm" len="sm"/>
            </a:ln>
          </p:spPr>
        </p:cxnSp>
      </p:grpSp>
      <p:pic>
        <p:nvPicPr>
          <p:cNvPr id="150" name="Google Shape;150;g29d43c695c9_0_384"/>
          <p:cNvPicPr preferRelativeResize="0"/>
          <p:nvPr/>
        </p:nvPicPr>
        <p:blipFill rotWithShape="1">
          <a:blip r:embed="rId5">
            <a:alphaModFix/>
          </a:blip>
          <a:srcRect/>
          <a:stretch/>
        </p:blipFill>
        <p:spPr>
          <a:xfrm rot="-3865511">
            <a:off x="10267216" y="-1744592"/>
            <a:ext cx="3297796" cy="3297796"/>
          </a:xfrm>
          <a:prstGeom prst="rect">
            <a:avLst/>
          </a:prstGeom>
          <a:noFill/>
          <a:ln>
            <a:noFill/>
          </a:ln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23B4BB97-ED6A-6892-E584-982588B917A6}"/>
              </a:ext>
            </a:extLst>
          </p:cNvPr>
          <p:cNvGrpSpPr/>
          <p:nvPr/>
        </p:nvGrpSpPr>
        <p:grpSpPr>
          <a:xfrm>
            <a:off x="226225" y="3943932"/>
            <a:ext cx="3721804" cy="2038414"/>
            <a:chOff x="-14400" y="1863887"/>
            <a:chExt cx="3371718" cy="1772760"/>
          </a:xfrm>
        </p:grpSpPr>
        <p:pic>
          <p:nvPicPr>
            <p:cNvPr id="2" name="Google Shape;127;g29fd7e1232e_0_84">
              <a:extLst>
                <a:ext uri="{FF2B5EF4-FFF2-40B4-BE49-F238E27FC236}">
                  <a16:creationId xmlns:a16="http://schemas.microsoft.com/office/drawing/2014/main" id="{A6E4F1B7-BCA4-635C-8674-A03352C290A2}"/>
                </a:ext>
              </a:extLst>
            </p:cNvPr>
            <p:cNvPicPr preferRelativeResize="0">
              <a:picLocks noChangeAspect="1"/>
            </p:cNvPicPr>
            <p:nvPr/>
          </p:nvPicPr>
          <p:blipFill rotWithShape="1">
            <a:blip r:embed="rId6">
              <a:alphaModFix/>
            </a:blip>
            <a:srcRect r="1516" b="88902"/>
            <a:stretch/>
          </p:blipFill>
          <p:spPr>
            <a:xfrm>
              <a:off x="-14400" y="1863887"/>
              <a:ext cx="3368001" cy="385100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3" name="Google Shape;128;g29fd7e1232e_0_84">
              <a:extLst>
                <a:ext uri="{FF2B5EF4-FFF2-40B4-BE49-F238E27FC236}">
                  <a16:creationId xmlns:a16="http://schemas.microsoft.com/office/drawing/2014/main" id="{199B220C-B537-51CC-6C36-EAA0230AAD29}"/>
                </a:ext>
              </a:extLst>
            </p:cNvPr>
            <p:cNvPicPr preferRelativeResize="0">
              <a:picLocks noChangeAspect="1"/>
            </p:cNvPicPr>
            <p:nvPr/>
          </p:nvPicPr>
          <p:blipFill rotWithShape="1">
            <a:blip r:embed="rId6">
              <a:alphaModFix/>
            </a:blip>
            <a:srcRect t="15834" r="1516" b="48028"/>
            <a:stretch/>
          </p:blipFill>
          <p:spPr>
            <a:xfrm>
              <a:off x="-10683" y="2340091"/>
              <a:ext cx="3368001" cy="1296556"/>
            </a:xfrm>
            <a:prstGeom prst="rect">
              <a:avLst/>
            </a:prstGeom>
            <a:noFill/>
            <a:ln>
              <a:noFill/>
            </a:ln>
          </p:spPr>
        </p:pic>
      </p:grpSp>
      <p:pic>
        <p:nvPicPr>
          <p:cNvPr id="4" name="Google Shape;126;g29fd7e1232e_0_84">
            <a:extLst>
              <a:ext uri="{FF2B5EF4-FFF2-40B4-BE49-F238E27FC236}">
                <a16:creationId xmlns:a16="http://schemas.microsoft.com/office/drawing/2014/main" id="{761727DD-B1FD-2334-0E1C-AFEA96E97BE9}"/>
              </a:ext>
            </a:extLst>
          </p:cNvPr>
          <p:cNvPicPr preferRelativeResize="0">
            <a:picLocks noChangeAspect="1"/>
          </p:cNvPicPr>
          <p:nvPr/>
        </p:nvPicPr>
        <p:blipFill rotWithShape="1">
          <a:blip r:embed="rId6">
            <a:alphaModFix/>
          </a:blip>
          <a:srcRect l="606" t="55987"/>
          <a:stretch/>
        </p:blipFill>
        <p:spPr>
          <a:xfrm>
            <a:off x="4442691" y="4016232"/>
            <a:ext cx="4027054" cy="1910974"/>
          </a:xfrm>
          <a:prstGeom prst="rect">
            <a:avLst/>
          </a:prstGeom>
          <a:noFill/>
          <a:ln>
            <a:noFill/>
          </a:ln>
        </p:spPr>
      </p:pic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ADC26BF-2A29-46A9-CA2F-7A7949A8C0DF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fld id="{7078A906-2D08-41E1-AB60-65B14A75BB60}" type="slidenum">
              <a:rPr lang="da-DK" smtClean="0"/>
              <a:pPr/>
              <a:t>9</a:t>
            </a:fld>
            <a:endParaRPr lang="da-DK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9CDE387A-4208-B300-D89E-9AFA468BC66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198ACE17-DA1E-D0A5-B0EC-D7EF41888985}"/>
              </a:ext>
            </a:extLst>
          </p:cNvPr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da-DK"/>
              <a:t>Cyber Agenda 2024</a:t>
            </a:r>
          </a:p>
        </p:txBody>
      </p:sp>
    </p:spTree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TDs1EHESre8bUCzZNWsWw"/>
  <p:tag name="TEMPLAFYSLIDEID" val="637514127096783197"/>
</p:tagLst>
</file>

<file path=ppt/theme/theme1.xml><?xml version="1.0" encoding="utf-8"?>
<a:theme xmlns:a="http://schemas.openxmlformats.org/drawingml/2006/main" name="26_PwC">
  <a:themeElements>
    <a:clrScheme name="PwC Colors">
      <a:dk1>
        <a:srgbClr val="000000"/>
      </a:dk1>
      <a:lt1>
        <a:srgbClr val="FFFFFF"/>
      </a:lt1>
      <a:dk2>
        <a:srgbClr val="7D7D7D"/>
      </a:dk2>
      <a:lt2>
        <a:srgbClr val="DEDEDE"/>
      </a:lt2>
      <a:accent1>
        <a:srgbClr val="D04A02"/>
      </a:accent1>
      <a:accent2>
        <a:srgbClr val="FFB600"/>
      </a:accent2>
      <a:accent3>
        <a:srgbClr val="E0301E"/>
      </a:accent3>
      <a:accent4>
        <a:srgbClr val="EB8C00"/>
      </a:accent4>
      <a:accent5>
        <a:srgbClr val="DB536A"/>
      </a:accent5>
      <a:accent6>
        <a:srgbClr val="464646"/>
      </a:accent6>
      <a:hlink>
        <a:srgbClr val="D04A02"/>
      </a:hlink>
      <a:folHlink>
        <a:srgbClr val="DB536A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DSV Template">
  <a:themeElements>
    <a:clrScheme name="DSV 2023">
      <a:dk1>
        <a:srgbClr val="000000"/>
      </a:dk1>
      <a:lt1>
        <a:srgbClr val="FFFFFF"/>
      </a:lt1>
      <a:dk2>
        <a:srgbClr val="002664"/>
      </a:dk2>
      <a:lt2>
        <a:srgbClr val="DBDCDD"/>
      </a:lt2>
      <a:accent1>
        <a:srgbClr val="0431A6"/>
      </a:accent1>
      <a:accent2>
        <a:srgbClr val="4B87E0"/>
      </a:accent2>
      <a:accent3>
        <a:srgbClr val="FFCA0C"/>
      </a:accent3>
      <a:accent4>
        <a:srgbClr val="00682A"/>
      </a:accent4>
      <a:accent5>
        <a:srgbClr val="B6551E"/>
      </a:accent5>
      <a:accent6>
        <a:srgbClr val="2F3135"/>
      </a:accent6>
      <a:hlink>
        <a:srgbClr val="4B87E0"/>
      </a:hlink>
      <a:folHlink>
        <a:srgbClr val="B6551E"/>
      </a:folHlink>
    </a:clrScheme>
    <a:fontScheme name="DSV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tx2"/>
        </a:solidFill>
        <a:ln>
          <a:noFill/>
        </a:ln>
      </a:spPr>
      <a:bodyPr rtlCol="0" anchor="ctr"/>
      <a:lstStyle>
        <a:defPPr algn="ctr">
          <a:defRPr sz="1500" noProof="0" dirty="0" err="1" smtClean="0">
            <a:solidFill>
              <a:schemeClr val="bg1"/>
            </a:solidFill>
          </a:defRPr>
        </a:defPPr>
      </a:lstStyle>
    </a:spDef>
    <a:lnDef>
      <a:spPr>
        <a:ln w="3175"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1500" dirty="0" err="1" smtClean="0"/>
        </a:defPPr>
      </a:lstStyle>
    </a:txDef>
  </a:objectDefaults>
  <a:extraClrSchemeLst/>
  <a:custClrLst>
    <a:custClr name="214,224,238">
      <a:srgbClr val="D6E0EE"/>
    </a:custClr>
    <a:custClr name="180,207,226">
      <a:srgbClr val="B4CFE2"/>
    </a:custClr>
    <a:custClr name="139,179,211">
      <a:srgbClr val="8BB3D3"/>
    </a:custClr>
    <a:custClr name="124,157,190">
      <a:srgbClr val="7C9DBE"/>
    </a:custClr>
    <a:custClr name="106,135,170">
      <a:srgbClr val="6A87AA"/>
    </a:custClr>
    <a:custClr name="83,110,135">
      <a:srgbClr val="536E87"/>
    </a:custClr>
    <a:custClr name="28,83,110">
      <a:srgbClr val="1C536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217,239,201">
      <a:srgbClr val="D9EFC9"/>
    </a:custClr>
    <a:custClr name="184,222,134">
      <a:srgbClr val="B8DE86"/>
    </a:custClr>
    <a:custClr name="168,197,103">
      <a:srgbClr val="A8C567"/>
    </a:custClr>
    <a:custClr name="144,185,71">
      <a:srgbClr val="90B947"/>
    </a:custClr>
    <a:custClr name="119,151,67">
      <a:srgbClr val="779743"/>
    </a:custClr>
    <a:custClr name="90,124,30">
      <a:srgbClr val="5A7C1E"/>
    </a:custClr>
    <a:custClr name="45,88,12">
      <a:srgbClr val="2D580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254,250,192">
      <a:srgbClr val="FEFAC0"/>
    </a:custClr>
    <a:custClr name="252,243,130">
      <a:srgbClr val="FCF382"/>
    </a:custClr>
    <a:custClr name="247,225,91">
      <a:srgbClr val="F7E15B"/>
    </a:custClr>
    <a:custClr name="238,211,8">
      <a:srgbClr val="EED308"/>
    </a:custClr>
    <a:custClr name="205,183,17">
      <a:srgbClr val="CDB711"/>
    </a:custClr>
    <a:custClr name="155,139,41">
      <a:srgbClr val="9B8B29"/>
    </a:custClr>
    <a:custClr name="100,88,0">
      <a:srgbClr val="645800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255,219,191">
      <a:srgbClr val="FFDBBF"/>
    </a:custClr>
    <a:custClr name="245,191,147">
      <a:srgbClr val="F5BF93"/>
    </a:custClr>
    <a:custClr name="240,171,102">
      <a:srgbClr val="F0AB66"/>
    </a:custClr>
    <a:custClr name="218,126,46">
      <a:srgbClr val="DA7E2E"/>
    </a:custClr>
    <a:custClr name="194,111,48">
      <a:srgbClr val="C26F30"/>
    </a:custClr>
    <a:custClr name="150,89,0">
      <a:srgbClr val="965900"/>
    </a:custClr>
    <a:custClr name="105,44,17">
      <a:srgbClr val="692C1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215,217,220">
      <a:srgbClr val="D7D9DC"/>
    </a:custClr>
    <a:custClr name="170,176,186">
      <a:srgbClr val="AAB0BA"/>
    </a:custClr>
    <a:custClr name="135,141,150">
      <a:srgbClr val="878D96"/>
    </a:custClr>
    <a:custClr name="94,106,113">
      <a:srgbClr val="5E6A71"/>
    </a:custClr>
    <a:custClr name="77,84,93">
      <a:srgbClr val="4D545D"/>
    </a:custClr>
    <a:custClr name="58,63,70">
      <a:srgbClr val="3A3F46"/>
    </a:custClr>
    <a:custClr name="34,37,42">
      <a:srgbClr val="22252A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234,235,236">
      <a:srgbClr val="EAEBEC"/>
    </a:custClr>
    <a:custClr name="230,230,231">
      <a:srgbClr val="E6E6E7"/>
    </a:custClr>
    <a:custClr name="225,226,227">
      <a:srgbClr val="E1E2E3"/>
    </a:custClr>
    <a:custClr name="219,220,221">
      <a:srgbClr val="DBDCDD"/>
    </a:custClr>
    <a:custClr name="206,207,209">
      <a:srgbClr val="CECFD1"/>
    </a:custClr>
    <a:custClr name="191,193,195">
      <a:srgbClr val="BFC1C3"/>
    </a:custClr>
    <a:custClr name="170,172,174">
      <a:srgbClr val="AAACAE"/>
    </a:custClr>
    <a:custClr>
      <a:srgbClr val="FFFFFF"/>
    </a:custClr>
    <a:custClr>
      <a:srgbClr val="FFFFFF"/>
    </a:custClr>
    <a:custClr>
      <a:srgbClr val="FFFFFF"/>
    </a:custClr>
  </a:custClrLst>
  <a:extLst>
    <a:ext uri="{05A4C25C-085E-4340-85A3-A5531E510DB2}">
      <thm15:themeFamily xmlns:thm15="http://schemas.microsoft.com/office/thememl/2012/main" name="Blank.potx" id="{28284086-7A12-4262-9044-C9F8E6DD62E6}" vid="{B3E5F076-49CF-497E-A0C4-B5A6051EFD10}"/>
    </a:ext>
  </a:extLst>
</a:theme>
</file>

<file path=ppt/theme/theme3.xml><?xml version="1.0" encoding="utf-8"?>
<a:theme xmlns:a="http://schemas.openxmlformats.org/drawingml/2006/main" name="PwC">
  <a:themeElements>
    <a:clrScheme name="PwC Colors">
      <a:dk1>
        <a:srgbClr val="000000"/>
      </a:dk1>
      <a:lt1>
        <a:srgbClr val="FFFFFF"/>
      </a:lt1>
      <a:dk2>
        <a:srgbClr val="7D7D7D"/>
      </a:dk2>
      <a:lt2>
        <a:srgbClr val="DEDEDE"/>
      </a:lt2>
      <a:accent1>
        <a:srgbClr val="D04A02"/>
      </a:accent1>
      <a:accent2>
        <a:srgbClr val="FFB600"/>
      </a:accent2>
      <a:accent3>
        <a:srgbClr val="E0301E"/>
      </a:accent3>
      <a:accent4>
        <a:srgbClr val="EB8C00"/>
      </a:accent4>
      <a:accent5>
        <a:srgbClr val="DB536A"/>
      </a:accent5>
      <a:accent6>
        <a:srgbClr val="464646"/>
      </a:accent6>
      <a:hlink>
        <a:srgbClr val="D04A02"/>
      </a:hlink>
      <a:folHlink>
        <a:srgbClr val="DB536A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212</TotalTime>
  <Words>862</Words>
  <Application>Microsoft Office PowerPoint</Application>
  <PresentationFormat>Widescreen</PresentationFormat>
  <Paragraphs>209</Paragraphs>
  <Slides>20</Slides>
  <Notes>18</Notes>
  <HiddenSlides>0</HiddenSlides>
  <MMClips>0</MMClips>
  <ScaleCrop>false</ScaleCrop>
  <HeadingPairs>
    <vt:vector size="8" baseType="variant">
      <vt:variant>
        <vt:lpstr>Fonts Used</vt:lpstr>
      </vt:variant>
      <vt:variant>
        <vt:i4>4</vt:i4>
      </vt:variant>
      <vt:variant>
        <vt:lpstr>Theme</vt:lpstr>
      </vt:variant>
      <vt:variant>
        <vt:i4>2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20</vt:i4>
      </vt:variant>
    </vt:vector>
  </HeadingPairs>
  <TitlesOfParts>
    <vt:vector size="27" baseType="lpstr">
      <vt:lpstr>Arial</vt:lpstr>
      <vt:lpstr>Calibri</vt:lpstr>
      <vt:lpstr>Helvetica Neue</vt:lpstr>
      <vt:lpstr>Georgia</vt:lpstr>
      <vt:lpstr>26_PwC</vt:lpstr>
      <vt:lpstr>DSV Template</vt:lpstr>
      <vt:lpstr>think-cell Slide</vt:lpstr>
      <vt:lpstr>PowerPoint Presentation</vt:lpstr>
      <vt:lpstr>PowerPoint Presentation</vt:lpstr>
      <vt:lpstr>DSV</vt:lpstr>
      <vt:lpstr>From local haulier to global player</vt:lpstr>
      <vt:lpstr>Our market position</vt:lpstr>
      <vt:lpstr>Our IT landscap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Ny lovgivning kræver et fornyet fokus fra virksomhedern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Kate Mikkelsen (DK)</dc:creator>
  <cp:lastModifiedBy>Torben Søgaard (DK)</cp:lastModifiedBy>
  <cp:revision>6</cp:revision>
  <dcterms:created xsi:type="dcterms:W3CDTF">2022-10-31T12:22:05Z</dcterms:created>
  <dcterms:modified xsi:type="dcterms:W3CDTF">2023-12-14T09:55:5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B template type">
    <vt:lpwstr>PwC16x9</vt:lpwstr>
  </property>
  <property fmtid="{D5CDD505-2E9C-101B-9397-08002B2CF9AE}" pid="3" name="TB template version">
    <vt:lpwstr>6</vt:lpwstr>
  </property>
  <property fmtid="{D5CDD505-2E9C-101B-9397-08002B2CF9AE}" pid="4" name="TB template release">
    <vt:lpwstr>4</vt:lpwstr>
  </property>
  <property fmtid="{D5CDD505-2E9C-101B-9397-08002B2CF9AE}" pid="5" name="MSIP_Label_b0c09810-65f4-4310-9cf4-19edb1aba362_Enabled">
    <vt:lpwstr>true</vt:lpwstr>
  </property>
  <property fmtid="{D5CDD505-2E9C-101B-9397-08002B2CF9AE}" pid="6" name="MSIP_Label_b0c09810-65f4-4310-9cf4-19edb1aba362_SetDate">
    <vt:lpwstr>2023-12-14T09:29:53Z</vt:lpwstr>
  </property>
  <property fmtid="{D5CDD505-2E9C-101B-9397-08002B2CF9AE}" pid="7" name="MSIP_Label_b0c09810-65f4-4310-9cf4-19edb1aba362_Method">
    <vt:lpwstr>Standard</vt:lpwstr>
  </property>
  <property fmtid="{D5CDD505-2E9C-101B-9397-08002B2CF9AE}" pid="8" name="MSIP_Label_b0c09810-65f4-4310-9cf4-19edb1aba362_Name">
    <vt:lpwstr>Internal - Open Access</vt:lpwstr>
  </property>
  <property fmtid="{D5CDD505-2E9C-101B-9397-08002B2CF9AE}" pid="9" name="MSIP_Label_b0c09810-65f4-4310-9cf4-19edb1aba362_SiteId">
    <vt:lpwstr>513294a0-3e20-41b2-a970-6d30bf1546fa</vt:lpwstr>
  </property>
  <property fmtid="{D5CDD505-2E9C-101B-9397-08002B2CF9AE}" pid="10" name="MSIP_Label_b0c09810-65f4-4310-9cf4-19edb1aba362_ActionId">
    <vt:lpwstr>db22b2b0-101f-4929-a42b-bc3801e16698</vt:lpwstr>
  </property>
  <property fmtid="{D5CDD505-2E9C-101B-9397-08002B2CF9AE}" pid="11" name="MSIP_Label_b0c09810-65f4-4310-9cf4-19edb1aba362_ContentBits">
    <vt:lpwstr>0</vt:lpwstr>
  </property>
</Properties>
</file>